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kfs01\s4025\group\007_企画Ｇ\03 高等学校・中等教育学校の教育内容充実\05 読書活動実践推進事業\01 実施報告書及び必読書・推薦書リスト\★集計用（必読書リスト）\ＨＰ掲載校(22校)\"/>
    </mc:Choice>
  </mc:AlternateContent>
  <bookViews>
    <workbookView xWindow="0" yWindow="0" windowWidth="16788" windowHeight="7692"/>
  </bookViews>
  <sheets>
    <sheet name="様式２" sheetId="5" r:id="rId1"/>
    <sheet name="ＮＤＣ（大・中分類）" sheetId="8" state="hidden" r:id="rId2"/>
    <sheet name="ＮＤＣ（小分類）" sheetId="9" state="hidden" r:id="rId3"/>
  </sheets>
  <definedNames>
    <definedName name="_ndc01" localSheetId="2">'ＮＤＣ（小分類）'!$A$12</definedName>
    <definedName name="_ndc02" localSheetId="2">'ＮＤＣ（小分類）'!$A$22</definedName>
    <definedName name="_ndc03" localSheetId="2">'ＮＤＣ（小分類）'!$A$32</definedName>
    <definedName name="_ndc04" localSheetId="2">'ＮＤＣ（小分類）'!$A$42</definedName>
    <definedName name="_ndc05" localSheetId="2">'ＮＤＣ（小分類）'!$A$52</definedName>
    <definedName name="_ndc06" localSheetId="2">'ＮＤＣ（小分類）'!$A$62</definedName>
    <definedName name="_ndc07" localSheetId="2">'ＮＤＣ（小分類）'!$A$72</definedName>
    <definedName name="_ndc08" localSheetId="2">'ＮＤＣ（小分類）'!$A$82</definedName>
    <definedName name="_ndc09" localSheetId="2">'ＮＤＣ（小分類）'!$A$92</definedName>
    <definedName name="_ndc10" localSheetId="2">'ＮＤＣ（小分類）'!$A$102</definedName>
    <definedName name="_ndc11" localSheetId="2">'ＮＤＣ（小分類）'!$A$112</definedName>
    <definedName name="_ndc12" localSheetId="2">'ＮＤＣ（小分類）'!$A$122</definedName>
    <definedName name="_ndc13" localSheetId="2">'ＮＤＣ（小分類）'!$A$132</definedName>
    <definedName name="_ndc14" localSheetId="2">'ＮＤＣ（小分類）'!$A$142</definedName>
    <definedName name="_ndc15" localSheetId="2">'ＮＤＣ（小分類）'!$A$152</definedName>
    <definedName name="_ndc16" localSheetId="2">'ＮＤＣ（小分類）'!$A$162</definedName>
    <definedName name="_ndc17" localSheetId="2">'ＮＤＣ（小分類）'!$A$172</definedName>
    <definedName name="_ndc18" localSheetId="2">'ＮＤＣ（小分類）'!$A$182</definedName>
    <definedName name="_ndc19" localSheetId="2">'ＮＤＣ（小分類）'!$A$192</definedName>
    <definedName name="_ndc20" localSheetId="2">'ＮＤＣ（小分類）'!$A$202</definedName>
    <definedName name="_ndc21" localSheetId="2">'ＮＤＣ（小分類）'!$A$212</definedName>
    <definedName name="_ndc22" localSheetId="2">'ＮＤＣ（小分類）'!$A$222</definedName>
    <definedName name="_ndc23" localSheetId="2">'ＮＤＣ（小分類）'!$A$232</definedName>
    <definedName name="_ndc24" localSheetId="2">'ＮＤＣ（小分類）'!$A$242</definedName>
    <definedName name="_ndc25" localSheetId="2">'ＮＤＣ（小分類）'!$A$252</definedName>
    <definedName name="_ndc26" localSheetId="2">'ＮＤＣ（小分類）'!$A$262</definedName>
    <definedName name="_ndc27" localSheetId="2">'ＮＤＣ（小分類）'!$A$272</definedName>
    <definedName name="_ndc28" localSheetId="2">'ＮＤＣ（小分類）'!$A$282</definedName>
    <definedName name="_ndc29" localSheetId="2">'ＮＤＣ（小分類）'!$A$292</definedName>
    <definedName name="_ndc30" localSheetId="2">'ＮＤＣ（小分類）'!$A$302</definedName>
    <definedName name="_ndc31" localSheetId="2">'ＮＤＣ（小分類）'!$A$312</definedName>
    <definedName name="_ndc32" localSheetId="2">'ＮＤＣ（小分類）'!$A$322</definedName>
    <definedName name="_ndc33" localSheetId="2">'ＮＤＣ（小分類）'!$A$332</definedName>
    <definedName name="_ndc34" localSheetId="2">'ＮＤＣ（小分類）'!$A$342</definedName>
    <definedName name="_ndc35" localSheetId="2">'ＮＤＣ（小分類）'!$A$352</definedName>
    <definedName name="_ndc36" localSheetId="2">'ＮＤＣ（小分類）'!$A$362</definedName>
    <definedName name="_ndc37" localSheetId="2">'ＮＤＣ（小分類）'!$A$372</definedName>
    <definedName name="_ndc38" localSheetId="2">'ＮＤＣ（小分類）'!$A$382</definedName>
    <definedName name="_ndc39" localSheetId="2">'ＮＤＣ（小分類）'!$A$392</definedName>
    <definedName name="_ndc40" localSheetId="2">'ＮＤＣ（小分類）'!$A$402</definedName>
    <definedName name="_ndc41" localSheetId="2">'ＮＤＣ（小分類）'!$A$412</definedName>
    <definedName name="_ndc42" localSheetId="2">'ＮＤＣ（小分類）'!$A$422</definedName>
    <definedName name="_ndc43" localSheetId="2">'ＮＤＣ（小分類）'!$A$432</definedName>
    <definedName name="_ndc44" localSheetId="2">'ＮＤＣ（小分類）'!$A$442</definedName>
    <definedName name="_ndc45" localSheetId="2">'ＮＤＣ（小分類）'!$A$452</definedName>
    <definedName name="_ndc46" localSheetId="2">'ＮＤＣ（小分類）'!$A$462</definedName>
    <definedName name="_ndc47" localSheetId="2">'ＮＤＣ（小分類）'!$A$472</definedName>
    <definedName name="_ndc48" localSheetId="2">'ＮＤＣ（小分類）'!$A$482</definedName>
    <definedName name="_ndc49" localSheetId="2">'ＮＤＣ（小分類）'!$A$492</definedName>
    <definedName name="_ndc50" localSheetId="2">'ＮＤＣ（小分類）'!$A$502</definedName>
    <definedName name="_ndc51" localSheetId="2">'ＮＤＣ（小分類）'!$A$512</definedName>
    <definedName name="_ndc52" localSheetId="2">'ＮＤＣ（小分類）'!$A$522</definedName>
    <definedName name="_ndc53" localSheetId="2">'ＮＤＣ（小分類）'!$A$532</definedName>
    <definedName name="_ndc54" localSheetId="2">'ＮＤＣ（小分類）'!$A$542</definedName>
    <definedName name="_ndc55" localSheetId="2">'ＮＤＣ（小分類）'!$A$552</definedName>
    <definedName name="_ndc56" localSheetId="2">'ＮＤＣ（小分類）'!$A$562</definedName>
    <definedName name="_ndc57" localSheetId="2">'ＮＤＣ（小分類）'!$A$572</definedName>
    <definedName name="_ndc58" localSheetId="2">'ＮＤＣ（小分類）'!$A$582</definedName>
    <definedName name="_ndc59" localSheetId="2">'ＮＤＣ（小分類）'!$A$592</definedName>
    <definedName name="_ndc60" localSheetId="2">'ＮＤＣ（小分類）'!$A$602</definedName>
    <definedName name="_ndc61" localSheetId="2">'ＮＤＣ（小分類）'!$A$612</definedName>
    <definedName name="_ndc62" localSheetId="2">'ＮＤＣ（小分類）'!$A$622</definedName>
    <definedName name="_ndc63" localSheetId="2">'ＮＤＣ（小分類）'!$A$632</definedName>
    <definedName name="_ndc64" localSheetId="2">'ＮＤＣ（小分類）'!$A$642</definedName>
    <definedName name="_ndc65" localSheetId="2">'ＮＤＣ（小分類）'!$A$652</definedName>
    <definedName name="_ndc66" localSheetId="2">'ＮＤＣ（小分類）'!$A$662</definedName>
    <definedName name="_ndc67" localSheetId="2">'ＮＤＣ（小分類）'!$A$672</definedName>
    <definedName name="_ndc68" localSheetId="2">'ＮＤＣ（小分類）'!$A$682</definedName>
    <definedName name="_ndc69" localSheetId="2">'ＮＤＣ（小分類）'!$A$692</definedName>
    <definedName name="_ndc70" localSheetId="2">'ＮＤＣ（小分類）'!$A$702</definedName>
    <definedName name="_ndc71" localSheetId="2">'ＮＤＣ（小分類）'!$A$712</definedName>
    <definedName name="_ndc72" localSheetId="2">'ＮＤＣ（小分類）'!$A$722</definedName>
    <definedName name="_ndc73" localSheetId="2">'ＮＤＣ（小分類）'!$A$732</definedName>
    <definedName name="_ndc74" localSheetId="2">'ＮＤＣ（小分類）'!$A$742</definedName>
    <definedName name="_ndc75" localSheetId="2">'ＮＤＣ（小分類）'!$A$752</definedName>
    <definedName name="_ndc76" localSheetId="2">'ＮＤＣ（小分類）'!$A$762</definedName>
    <definedName name="_ndc77" localSheetId="2">'ＮＤＣ（小分類）'!$A$772</definedName>
    <definedName name="_ndc78" localSheetId="2">'ＮＤＣ（小分類）'!$A$782</definedName>
    <definedName name="_ndc79" localSheetId="2">'ＮＤＣ（小分類）'!$A$792</definedName>
    <definedName name="_ndc80" localSheetId="2">'ＮＤＣ（小分類）'!$A$802</definedName>
    <definedName name="_ndc81" localSheetId="2">'ＮＤＣ（小分類）'!$A$812</definedName>
    <definedName name="_ndc82" localSheetId="2">'ＮＤＣ（小分類）'!$A$822</definedName>
    <definedName name="_ndc83" localSheetId="2">'ＮＤＣ（小分類）'!$A$832</definedName>
    <definedName name="_ndc84" localSheetId="2">'ＮＤＣ（小分類）'!$A$842</definedName>
    <definedName name="_ndc85" localSheetId="2">'ＮＤＣ（小分類）'!$A$852</definedName>
    <definedName name="_ndc86" localSheetId="2">'ＮＤＣ（小分類）'!$A$862</definedName>
    <definedName name="_ndc87" localSheetId="2">'ＮＤＣ（小分類）'!$A$872</definedName>
    <definedName name="_ndc88" localSheetId="2">'ＮＤＣ（小分類）'!$A$882</definedName>
    <definedName name="_ndc89" localSheetId="2">'ＮＤＣ（小分類）'!$A$892</definedName>
    <definedName name="_ndc90" localSheetId="2">'ＮＤＣ（小分類）'!$A$902</definedName>
    <definedName name="_ndc91" localSheetId="2">'ＮＤＣ（小分類）'!$A$912</definedName>
    <definedName name="_ndc92" localSheetId="2">'ＮＤＣ（小分類）'!$A$922</definedName>
    <definedName name="_ndc93" localSheetId="2">'ＮＤＣ（小分類）'!$A$932</definedName>
    <definedName name="_ndc94" localSheetId="2">'ＮＤＣ（小分類）'!$A$942</definedName>
    <definedName name="_ndc95" localSheetId="2">'ＮＤＣ（小分類）'!$A$952</definedName>
    <definedName name="_ndc96" localSheetId="2">'ＮＤＣ（小分類）'!$A$962</definedName>
    <definedName name="_ndc97" localSheetId="2">'ＮＤＣ（小分類）'!$A$972</definedName>
    <definedName name="_ndc98" localSheetId="2">'ＮＤＣ（小分類）'!$A$982</definedName>
    <definedName name="_ndc99" localSheetId="2">'ＮＤＣ（小分類）'!$A$992</definedName>
    <definedName name="ndc00" localSheetId="2">'ＮＤＣ（小分類）'!$A$2</definedName>
    <definedName name="_xlnm.Print_Area" localSheetId="0">様式２!$A$1:$L$28</definedName>
  </definedNames>
  <calcPr calcId="152511"/>
</workbook>
</file>

<file path=xl/sharedStrings.xml><?xml version="1.0" encoding="utf-8"?>
<sst xmlns="http://schemas.openxmlformats.org/spreadsheetml/2006/main" count="1182" uniqueCount="886">
  <si>
    <t>書名</t>
    <rPh sb="0" eb="1">
      <t>ショ</t>
    </rPh>
    <rPh sb="1" eb="2">
      <t>メイ</t>
    </rPh>
    <phoneticPr fontId="1"/>
  </si>
  <si>
    <t>出版社</t>
    <rPh sb="0" eb="3">
      <t>シュッパンシャ</t>
    </rPh>
    <phoneticPr fontId="1"/>
  </si>
  <si>
    <t>作者名</t>
    <rPh sb="0" eb="2">
      <t>サクシャ</t>
    </rPh>
    <rPh sb="2" eb="3">
      <t>ナ</t>
    </rPh>
    <phoneticPr fontId="1"/>
  </si>
  <si>
    <t>NDC
（３桁）</t>
    <rPh sb="6" eb="7">
      <t>ケタ</t>
    </rPh>
    <phoneticPr fontId="1"/>
  </si>
  <si>
    <t>　　　　　　　　　　概要　
※必ず記載してください。
※120字以内。校内向けのコメントは避けてください。</t>
    <rPh sb="10" eb="12">
      <t>ガイヨウ</t>
    </rPh>
    <rPh sb="15" eb="16">
      <t>カナラ</t>
    </rPh>
    <rPh sb="17" eb="19">
      <t>キサイ</t>
    </rPh>
    <rPh sb="31" eb="32">
      <t>ジ</t>
    </rPh>
    <rPh sb="32" eb="34">
      <t>イナイ</t>
    </rPh>
    <rPh sb="35" eb="37">
      <t>コウナイ</t>
    </rPh>
    <rPh sb="37" eb="38">
      <t>ム</t>
    </rPh>
    <rPh sb="45" eb="46">
      <t>サ</t>
    </rPh>
    <phoneticPr fontId="1"/>
  </si>
  <si>
    <t>学校名</t>
    <rPh sb="0" eb="2">
      <t>ガッコウ</t>
    </rPh>
    <rPh sb="2" eb="3">
      <t>メイ</t>
    </rPh>
    <phoneticPr fontId="2"/>
  </si>
  <si>
    <t>(様式２）</t>
    <rPh sb="1" eb="3">
      <t>ヨウシキ</t>
    </rPh>
    <phoneticPr fontId="1"/>
  </si>
  <si>
    <t>哲学各論</t>
  </si>
  <si>
    <t>図書. 書誌学</t>
  </si>
  <si>
    <t>東洋思想</t>
  </si>
  <si>
    <t>百科事典</t>
  </si>
  <si>
    <t>西洋哲学</t>
  </si>
  <si>
    <t>一般論文集. 一般講演集</t>
  </si>
  <si>
    <t>心理学</t>
  </si>
  <si>
    <t>逐次刊行物</t>
  </si>
  <si>
    <t>倫理学. 道徳</t>
  </si>
  <si>
    <t>団体</t>
  </si>
  <si>
    <t>宗教</t>
  </si>
  <si>
    <t>ジャーナリズム. 新聞</t>
  </si>
  <si>
    <t>神道</t>
  </si>
  <si>
    <t>叢書. 全集. 選集</t>
  </si>
  <si>
    <t>仏教</t>
  </si>
  <si>
    <t>貴重書. 郷土資料. その他の特別コレクション</t>
  </si>
  <si>
    <t>総記</t>
  </si>
  <si>
    <t>哲学</t>
  </si>
  <si>
    <t>歴史</t>
  </si>
  <si>
    <t>社会科学</t>
  </si>
  <si>
    <t>自然科学</t>
  </si>
  <si>
    <t>産業</t>
  </si>
  <si>
    <t>言語</t>
  </si>
  <si>
    <t>文学</t>
  </si>
  <si>
    <t>技術. 工学</t>
  </si>
  <si>
    <t>技術. 工学</t>
    <phoneticPr fontId="1"/>
  </si>
  <si>
    <t>芸術. 美術</t>
  </si>
  <si>
    <t>芸術. 美術</t>
    <phoneticPr fontId="1"/>
  </si>
  <si>
    <t>図書館. 図書館情報学</t>
  </si>
  <si>
    <t>百科事典. 用語索引</t>
  </si>
  <si>
    <t>一般論文集. 一般講演集. 雑著</t>
  </si>
  <si>
    <t>逐次刊行物. 一般年鑑</t>
  </si>
  <si>
    <t>団体. 博物館</t>
  </si>
  <si>
    <t>01</t>
  </si>
  <si>
    <t>00</t>
    <phoneticPr fontId="1"/>
  </si>
  <si>
    <t>02</t>
  </si>
  <si>
    <t>用語索引</t>
  </si>
  <si>
    <t>雑著</t>
  </si>
  <si>
    <t>一般年鑑</t>
  </si>
  <si>
    <t>博物館</t>
  </si>
  <si>
    <t>03</t>
  </si>
  <si>
    <t>04</t>
  </si>
  <si>
    <t>05</t>
  </si>
  <si>
    <t>06</t>
  </si>
  <si>
    <t>07</t>
  </si>
  <si>
    <t>08</t>
  </si>
  <si>
    <t>09</t>
  </si>
  <si>
    <t>キリスト教. ユダヤ教</t>
  </si>
  <si>
    <t>歴史. 世界史. 文化史</t>
  </si>
  <si>
    <t>日本史</t>
  </si>
  <si>
    <t>アジア史. 東洋史</t>
  </si>
  <si>
    <t>ヨーロッパ史. 西洋史</t>
  </si>
  <si>
    <t>アフリカ史</t>
  </si>
  <si>
    <t>北アメリカ史</t>
  </si>
  <si>
    <t>南アメリカ史</t>
  </si>
  <si>
    <t>オセアニア史. 両極地方史</t>
  </si>
  <si>
    <t>伝記</t>
  </si>
  <si>
    <t>地理. 地誌. 紀行</t>
  </si>
  <si>
    <t>政治</t>
  </si>
  <si>
    <t>法律</t>
  </si>
  <si>
    <t>経済</t>
  </si>
  <si>
    <t>財政</t>
  </si>
  <si>
    <t>統計</t>
  </si>
  <si>
    <t>社会</t>
  </si>
  <si>
    <t>教育</t>
  </si>
  <si>
    <t>風俗習慣. 民俗学. 民族学</t>
  </si>
  <si>
    <t>国防. 軍事</t>
  </si>
  <si>
    <t>数学</t>
  </si>
  <si>
    <t>物理学</t>
  </si>
  <si>
    <t>化学</t>
  </si>
  <si>
    <t>天文学. 宇宙科学</t>
  </si>
  <si>
    <t>地球科学. 地学</t>
  </si>
  <si>
    <t>生物科学. 一般生物学</t>
  </si>
  <si>
    <t>医学. 薬学</t>
  </si>
  <si>
    <t>植物学</t>
  </si>
  <si>
    <t>植物学</t>
    <phoneticPr fontId="1"/>
  </si>
  <si>
    <t>動物学</t>
  </si>
  <si>
    <t>動物学</t>
    <phoneticPr fontId="1"/>
  </si>
  <si>
    <t>建設工学. 土木工学</t>
  </si>
  <si>
    <t>建築学</t>
  </si>
  <si>
    <t>機械工学. 原子力工学</t>
  </si>
  <si>
    <t>電気工学</t>
  </si>
  <si>
    <t>海洋工学. 船舶工学. 兵器. 軍事工学</t>
  </si>
  <si>
    <t>金属工学. 鉱山工学</t>
  </si>
  <si>
    <t>化学工業</t>
  </si>
  <si>
    <t>製造工業</t>
  </si>
  <si>
    <t>家政学. 生活科学</t>
  </si>
  <si>
    <t>農業</t>
  </si>
  <si>
    <t>園芸. 造園</t>
  </si>
  <si>
    <t>蚕糸業</t>
  </si>
  <si>
    <t>畜産業. 獣医学</t>
  </si>
  <si>
    <t>林業. 狩猟</t>
  </si>
  <si>
    <t>水産業</t>
  </si>
  <si>
    <t>商業</t>
  </si>
  <si>
    <t>運輸. 交通. 観光事業</t>
  </si>
  <si>
    <t>通信事業</t>
  </si>
  <si>
    <t>彫刻. オブジェ</t>
  </si>
  <si>
    <t>絵画. 書. 書道</t>
  </si>
  <si>
    <t>版画. 印章. 篆刻. 印譜</t>
  </si>
  <si>
    <t>写真. 印刷</t>
  </si>
  <si>
    <t>工芸</t>
  </si>
  <si>
    <t>音楽. 舞踏. バレエ</t>
  </si>
  <si>
    <t>演劇. 映画. 大衆芸能</t>
  </si>
  <si>
    <t>スポーツ. 体育</t>
  </si>
  <si>
    <t>諸芸. 娯楽</t>
  </si>
  <si>
    <t>日本語</t>
  </si>
  <si>
    <t>中国語. その他の東洋の諸言語</t>
  </si>
  <si>
    <t>英語</t>
  </si>
  <si>
    <t>ドイツ語. その他のゲルマン諸語</t>
  </si>
  <si>
    <t>フランス語. プロバンス語</t>
  </si>
  <si>
    <t>スペイン語. ポルトガル語</t>
  </si>
  <si>
    <t>イタリア語. その他のロマンス諸語</t>
  </si>
  <si>
    <t>ロシア語. その他のスラブ諸語</t>
  </si>
  <si>
    <t>その他の諸言語</t>
  </si>
  <si>
    <t>日本文学</t>
  </si>
  <si>
    <t>中国文学. その他の東洋文学</t>
  </si>
  <si>
    <t>英米文学</t>
  </si>
  <si>
    <t>ドイツ文学. その他のゲルマン文学</t>
  </si>
  <si>
    <t>フランス文学. プロバンス文学</t>
  </si>
  <si>
    <t>スペイン文学. ポルトガル文学</t>
  </si>
  <si>
    <t>イタリア文学. その他のロマンス文学</t>
  </si>
  <si>
    <t>ロシア語・ソビエト文学. その他のスラブ文学</t>
  </si>
  <si>
    <t>その他の諸言語文学</t>
  </si>
  <si>
    <t>知識. 学問. 学術</t>
  </si>
  <si>
    <t>情報学. 情報科学</t>
  </si>
  <si>
    <t>図書館政策. 図書館行財政</t>
  </si>
  <si>
    <t>図書館建築. 図書館設備</t>
  </si>
  <si>
    <t>図書館経営・管理</t>
  </si>
  <si>
    <t>情報資料の収集・組織化・保存</t>
  </si>
  <si>
    <t>図書館サービス. 図書館活動</t>
  </si>
  <si>
    <t>各種の図書館</t>
  </si>
  <si>
    <t>学校図書館</t>
  </si>
  <si>
    <t>専門図書館</t>
  </si>
  <si>
    <t>読書. 読書法</t>
  </si>
  <si>
    <t>著作. 編集</t>
  </si>
  <si>
    <t>写本. 刊本. 造本</t>
  </si>
  <si>
    <t>出版</t>
  </si>
  <si>
    <t>図書の販売</t>
  </si>
  <si>
    <t>一般書誌. 全国書誌</t>
  </si>
  <si>
    <t>稀書目録. 善本目録</t>
  </si>
  <si>
    <t>特種目録</t>
  </si>
  <si>
    <t>選定図書目録. 参考図書目録</t>
  </si>
  <si>
    <t>蔵書目録. 総合目録</t>
  </si>
  <si>
    <t>中国語</t>
  </si>
  <si>
    <t>ドイツ語</t>
  </si>
  <si>
    <t>フランス語</t>
  </si>
  <si>
    <t>スペイン語</t>
  </si>
  <si>
    <t>イタリア語</t>
  </si>
  <si>
    <t>ロシア語</t>
  </si>
  <si>
    <t>日本の雑誌</t>
  </si>
  <si>
    <t>学術・研究機関</t>
  </si>
  <si>
    <t>文化交流機関</t>
  </si>
  <si>
    <t>親睦団体. その他の団体</t>
  </si>
  <si>
    <t>ジャ－ナリズム. 新聞</t>
  </si>
  <si>
    <t>日本</t>
  </si>
  <si>
    <t>アジア</t>
  </si>
  <si>
    <t>ヨーロッパ</t>
  </si>
  <si>
    <t>アフリカ</t>
  </si>
  <si>
    <t>北アメリカ</t>
  </si>
  <si>
    <t>南アメリカ</t>
  </si>
  <si>
    <t>オセアニア. 両極地方</t>
  </si>
  <si>
    <t>哲学理論</t>
  </si>
  <si>
    <t>哲学史</t>
  </si>
  <si>
    <t>参考図書［レファレンスブック］</t>
  </si>
  <si>
    <t>論文集. 評論集. 講演集</t>
  </si>
  <si>
    <t>研究法. 指導法. 哲学教育</t>
  </si>
  <si>
    <t>形而上学. 存在論</t>
  </si>
  <si>
    <t>自然哲学. 宇宙論</t>
  </si>
  <si>
    <t>人生観. 世界観</t>
  </si>
  <si>
    <t>人間学</t>
  </si>
  <si>
    <t>認識論</t>
  </si>
  <si>
    <t>論理学. 弁証法. 方法論</t>
  </si>
  <si>
    <t>価値哲学</t>
  </si>
  <si>
    <t>文化哲学. 技術哲学</t>
  </si>
  <si>
    <t>芸術哲学. 美学</t>
  </si>
  <si>
    <t>[119]</t>
  </si>
  <si>
    <t>日本思想</t>
  </si>
  <si>
    <t>中国思想. 中国哲学</t>
  </si>
  <si>
    <t>経書</t>
  </si>
  <si>
    <t>先秦思想. 諸子百家</t>
  </si>
  <si>
    <t>中世思想. 近代思想</t>
  </si>
  <si>
    <t>インド哲学. バラモン教</t>
  </si>
  <si>
    <t>その他の東洋思想. アジア哲学</t>
  </si>
  <si>
    <t>古代哲学</t>
  </si>
  <si>
    <t>中世哲学</t>
  </si>
  <si>
    <t>近代哲学</t>
  </si>
  <si>
    <t>ドイツ・オーストリア哲学</t>
  </si>
  <si>
    <t>フランス・オランダ哲学</t>
  </si>
  <si>
    <t>スペイン・ポルトガル哲学</t>
  </si>
  <si>
    <t>イタリア哲学</t>
  </si>
  <si>
    <t>ロシア哲学</t>
  </si>
  <si>
    <t>その他の哲学</t>
  </si>
  <si>
    <t>普通心理学. 心理各論</t>
  </si>
  <si>
    <t>発達心理学</t>
  </si>
  <si>
    <t>異常心理学</t>
  </si>
  <si>
    <t>臨床心理学. 精神分析学</t>
  </si>
  <si>
    <t>超心理学. 心霊研究</t>
  </si>
  <si>
    <t>相法. 易占</t>
  </si>
  <si>
    <t>[149]</t>
  </si>
  <si>
    <t>応用心理学</t>
    <phoneticPr fontId="1"/>
  </si>
  <si>
    <t>倫理各論</t>
  </si>
  <si>
    <t>家庭倫理. 性倫理</t>
  </si>
  <si>
    <t>職業倫理</t>
  </si>
  <si>
    <t>社会倫理［社会道徳］</t>
  </si>
  <si>
    <t>国体論. 詔勅</t>
  </si>
  <si>
    <t>武士道</t>
  </si>
  <si>
    <t>報徳教. 石門心学</t>
  </si>
  <si>
    <t>その他の特定主題</t>
  </si>
  <si>
    <t>人生訓. 教訓</t>
  </si>
  <si>
    <t>宗教学. 宗教思想</t>
  </si>
  <si>
    <t>宗教史・事情</t>
  </si>
  <si>
    <t>原始宗教. 宗教民族学</t>
  </si>
  <si>
    <t>神話. 神話学</t>
  </si>
  <si>
    <t>比較宗教</t>
  </si>
  <si>
    <t>道教</t>
  </si>
  <si>
    <t>イスラム</t>
  </si>
  <si>
    <t>ヒンズー教. ジャイナ教</t>
  </si>
  <si>
    <t>その他の宗教. 新興宗教</t>
  </si>
  <si>
    <t>神道思想. 神道説</t>
  </si>
  <si>
    <t>神祇・神道史</t>
  </si>
  <si>
    <t>神典</t>
  </si>
  <si>
    <t>信仰録. 説教集</t>
  </si>
  <si>
    <t>神社. 神職</t>
  </si>
  <si>
    <t>祭祀</t>
  </si>
  <si>
    <t>布教. 伝道</t>
  </si>
  <si>
    <t>各教派. 教派神道</t>
  </si>
  <si>
    <t>仏教教理. 仏教哲学</t>
  </si>
  <si>
    <t>仏教史</t>
  </si>
  <si>
    <t>経典</t>
  </si>
  <si>
    <t>法話・説教集</t>
  </si>
  <si>
    <t>寺院. 僧職</t>
  </si>
  <si>
    <t>仏会</t>
  </si>
  <si>
    <t>各宗</t>
  </si>
  <si>
    <t>キリスト教</t>
  </si>
  <si>
    <t>教義. キリスト教神学</t>
  </si>
  <si>
    <t>キリスト教史. 迫害史</t>
  </si>
  <si>
    <t>聖書</t>
  </si>
  <si>
    <t>教会. 聖職</t>
  </si>
  <si>
    <t>典礼. 祭式. 礼拝</t>
  </si>
  <si>
    <t>各教派. 教会史</t>
  </si>
  <si>
    <t>ユダヤ教</t>
  </si>
  <si>
    <t>歴史学</t>
  </si>
  <si>
    <t>歴史補助学</t>
  </si>
  <si>
    <t>研究法. 指導法. 歴史教育</t>
  </si>
  <si>
    <t>世界史. 文化史</t>
  </si>
  <si>
    <t>北海道地方</t>
  </si>
  <si>
    <t>東北地方</t>
  </si>
  <si>
    <t>関東地方</t>
  </si>
  <si>
    <t>北陸地方</t>
  </si>
  <si>
    <t>中部地方</t>
  </si>
  <si>
    <t>近畿地方</t>
  </si>
  <si>
    <t>中国地方</t>
  </si>
  <si>
    <t>四国地方</t>
  </si>
  <si>
    <t>九州地方</t>
  </si>
  <si>
    <t>朝鮮</t>
  </si>
  <si>
    <t>中国</t>
  </si>
  <si>
    <t>東南アジア</t>
  </si>
  <si>
    <t>インドネシア</t>
  </si>
  <si>
    <t>インド</t>
  </si>
  <si>
    <t>西南アジア. 中東［中近東］</t>
  </si>
  <si>
    <t>[228]</t>
  </si>
  <si>
    <t>アジアロシア</t>
  </si>
  <si>
    <t>[226]</t>
  </si>
  <si>
    <t>西南アジア. 中東［中近東］</t>
    <phoneticPr fontId="1"/>
  </si>
  <si>
    <t>アラブ諸国</t>
    <phoneticPr fontId="1"/>
  </si>
  <si>
    <t>ヨ－ロッパ史. 西洋史</t>
  </si>
  <si>
    <t>古代ギリシア</t>
  </si>
  <si>
    <t>古代ローマ</t>
  </si>
  <si>
    <t>イギリス. 英国</t>
  </si>
  <si>
    <t>ドイツ. 中欧</t>
  </si>
  <si>
    <t>フランス</t>
  </si>
  <si>
    <t>スペイン［イスパニア］</t>
  </si>
  <si>
    <t>イタリア</t>
  </si>
  <si>
    <t>ロシア</t>
  </si>
  <si>
    <t>バルカン諸国</t>
  </si>
  <si>
    <t>北アフリカ</t>
  </si>
  <si>
    <t>エジプト</t>
  </si>
  <si>
    <t>マグレブ諸国</t>
  </si>
  <si>
    <t>西アフリカ</t>
  </si>
  <si>
    <t>東アフリカ</t>
  </si>
  <si>
    <t>南アフリカ</t>
  </si>
  <si>
    <t>インド洋のアフリカ諸島</t>
  </si>
  <si>
    <t>カナダ</t>
  </si>
  <si>
    <t>アメリカ合衆国</t>
  </si>
  <si>
    <t>ラテンアメリカ［中南米］</t>
  </si>
  <si>
    <t>メキシコ</t>
  </si>
  <si>
    <t>中央アメリカ［中米諸国］</t>
  </si>
  <si>
    <t>西インド諸島</t>
  </si>
  <si>
    <t>北部諸国［カリブ沿海諸国］</t>
  </si>
  <si>
    <t>ブラジル</t>
  </si>
  <si>
    <t>パラグアイ</t>
  </si>
  <si>
    <t>ウルグアイ</t>
  </si>
  <si>
    <t>アルゼンチン</t>
  </si>
  <si>
    <t>チリ</t>
  </si>
  <si>
    <t>ボリビア</t>
  </si>
  <si>
    <t>ペルー</t>
  </si>
  <si>
    <t>オーストラリア</t>
  </si>
  <si>
    <t>ニュージーランド</t>
  </si>
  <si>
    <t>メラネシア</t>
  </si>
  <si>
    <t>ミクロネシア</t>
  </si>
  <si>
    <t>ポリネシア</t>
  </si>
  <si>
    <t>ハワイ</t>
  </si>
  <si>
    <t>両極地方</t>
  </si>
  <si>
    <t>北極. 北極地方</t>
  </si>
  <si>
    <t>南極. 南極地方</t>
  </si>
  <si>
    <t>系譜. 家史. 皇室</t>
  </si>
  <si>
    <t>個人伝記</t>
  </si>
  <si>
    <t>オセアニア．両極地方</t>
  </si>
  <si>
    <t>海洋</t>
  </si>
  <si>
    <t>理論．方法論</t>
  </si>
  <si>
    <t>政治・経済・社会・文化事情</t>
  </si>
  <si>
    <t>研究法. 指導法. 社会科学教育</t>
  </si>
  <si>
    <t>社会思想</t>
  </si>
  <si>
    <t>政治学. 政治思想</t>
  </si>
  <si>
    <t>政治史・事情</t>
  </si>
  <si>
    <t>国家の形態. 政治体制</t>
  </si>
  <si>
    <t>議会</t>
  </si>
  <si>
    <t>政党. 政治結社</t>
  </si>
  <si>
    <t>国家と個人・宗教・民族</t>
  </si>
  <si>
    <t>行政</t>
  </si>
  <si>
    <t>地方自治. 地方行政</t>
  </si>
  <si>
    <t>外交. 国際問題</t>
  </si>
  <si>
    <t>法学</t>
  </si>
  <si>
    <t>法制史</t>
  </si>
  <si>
    <t>憲法</t>
  </si>
  <si>
    <t>民法. 民事法</t>
  </si>
  <si>
    <t>商法. 商事法</t>
  </si>
  <si>
    <t>刑法. 刑事法</t>
  </si>
  <si>
    <t>司法. 訴訟手続法</t>
  </si>
  <si>
    <t>[328]</t>
  </si>
  <si>
    <t>諸法</t>
  </si>
  <si>
    <t>国際法</t>
  </si>
  <si>
    <t>経済学. 経済思想</t>
  </si>
  <si>
    <t>経済史・事情. 経済体制</t>
  </si>
  <si>
    <t>経済政策. 国際経済</t>
  </si>
  <si>
    <t>人口. 土地. 資源</t>
  </si>
  <si>
    <t>企業. 経営</t>
  </si>
  <si>
    <t>経営管理</t>
  </si>
  <si>
    <t>貨幣. 通貨</t>
  </si>
  <si>
    <t>金融. 銀行. 信託</t>
  </si>
  <si>
    <t>保険</t>
  </si>
  <si>
    <t>財政学. 財政思想</t>
  </si>
  <si>
    <t>財政史・事情</t>
  </si>
  <si>
    <t>財政政策. 財務行政</t>
  </si>
  <si>
    <t>予算. 決算</t>
  </si>
  <si>
    <t>租税</t>
  </si>
  <si>
    <t>公債. 国債</t>
  </si>
  <si>
    <t>専売. 国有財産</t>
  </si>
  <si>
    <t>地方財政</t>
  </si>
  <si>
    <t>人口統計. 国勢調査</t>
  </si>
  <si>
    <t>[359]</t>
  </si>
  <si>
    <t>各種の統計書</t>
  </si>
  <si>
    <t>社会学</t>
  </si>
  <si>
    <t>社会史. 社会体制</t>
  </si>
  <si>
    <t>社会保障</t>
  </si>
  <si>
    <t>生活・消費者問題</t>
  </si>
  <si>
    <t>労働経済. 労働問題</t>
  </si>
  <si>
    <t>家族問題. 男性・女性問題. 老人問題</t>
  </si>
  <si>
    <t>社会病理</t>
  </si>
  <si>
    <t>社会福祉</t>
  </si>
  <si>
    <t>教育学. 教育思想</t>
  </si>
  <si>
    <t>教育史・事情</t>
  </si>
  <si>
    <t>教育政策. 教育制度. 教育行財政</t>
  </si>
  <si>
    <t>学校経営・管理. 学校保健</t>
  </si>
  <si>
    <t>教育課程. 学習指導. 教科別教育</t>
  </si>
  <si>
    <t>幼児・初等・中等教育</t>
  </si>
  <si>
    <t>大学. 高等・専門教育. 学術行政</t>
  </si>
  <si>
    <t>障害児教育［特別支援教育］</t>
  </si>
  <si>
    <t>社会教育</t>
  </si>
  <si>
    <t>風俗史. 民俗誌. 民族誌</t>
  </si>
  <si>
    <t>衣食住の習俗</t>
  </si>
  <si>
    <t>社会・家庭生活の習俗</t>
  </si>
  <si>
    <t>通過儀礼. 冠婚葬祭</t>
  </si>
  <si>
    <t>年中行事. 祭礼</t>
  </si>
  <si>
    <t>民間信仰. 迷信［俗信］</t>
  </si>
  <si>
    <t>伝説. 民話［昔話］</t>
  </si>
  <si>
    <t>民族学. 文化人類学</t>
  </si>
  <si>
    <t>戦争. 戦略. 戦術</t>
  </si>
  <si>
    <t>国防史・事情. 軍事史・事情</t>
  </si>
  <si>
    <t>国防政策・行政・法令</t>
  </si>
  <si>
    <t>軍事医学. 兵食</t>
  </si>
  <si>
    <t>軍事施設. 軍需品</t>
  </si>
  <si>
    <t>陸軍</t>
  </si>
  <si>
    <t>海軍</t>
  </si>
  <si>
    <t>空軍</t>
  </si>
  <si>
    <t>古代兵法. 軍学</t>
  </si>
  <si>
    <t>科学理論. 科学哲学</t>
  </si>
  <si>
    <t>科学史・事情</t>
  </si>
  <si>
    <t>研究法. 指導法. 科学教育</t>
  </si>
  <si>
    <t>科学技術政策. 科学技術行政</t>
  </si>
  <si>
    <t>代数学</t>
  </si>
  <si>
    <t>数論［整数論］</t>
  </si>
  <si>
    <t>解析学</t>
  </si>
  <si>
    <t>幾何学</t>
  </si>
  <si>
    <t>位相数学</t>
  </si>
  <si>
    <t>確率論. 数理統計学</t>
  </si>
  <si>
    <t>計算法</t>
  </si>
  <si>
    <t>和算. 中国算法</t>
  </si>
  <si>
    <t>理論物理学</t>
  </si>
  <si>
    <t>力学</t>
  </si>
  <si>
    <t>振動学. 音響学</t>
  </si>
  <si>
    <t>光学</t>
  </si>
  <si>
    <t>熱学</t>
  </si>
  <si>
    <t>電磁気学</t>
  </si>
  <si>
    <t>物性物理学</t>
  </si>
  <si>
    <t>原子物理学</t>
  </si>
  <si>
    <t>物理化学. 理論化学</t>
  </si>
  <si>
    <t>実験化学［化学実験法］</t>
  </si>
  <si>
    <t>分析化学［化学分析］</t>
  </si>
  <si>
    <t>合成化学［化学合成］</t>
  </si>
  <si>
    <t>無機化学</t>
  </si>
  <si>
    <t>金属元素とその化合物</t>
  </si>
  <si>
    <t>有機化学</t>
  </si>
  <si>
    <t>環式化合物の化学</t>
  </si>
  <si>
    <t>天然物質の化学</t>
  </si>
  <si>
    <t>理論天文学. 数理天文学</t>
  </si>
  <si>
    <t>実地天文学. 天体観測法</t>
  </si>
  <si>
    <t>恒星. 恒星天文学</t>
  </si>
  <si>
    <t>太陽. 太陽物理学</t>
  </si>
  <si>
    <t>惑星. 衛星</t>
  </si>
  <si>
    <t>月</t>
  </si>
  <si>
    <t>彗星. 流星</t>
  </si>
  <si>
    <t>地球. 天文地理学</t>
  </si>
  <si>
    <t>時法. 暦学</t>
  </si>
  <si>
    <t>気象学</t>
  </si>
  <si>
    <t>海洋学</t>
  </si>
  <si>
    <t>地震学</t>
  </si>
  <si>
    <t>地形学</t>
  </si>
  <si>
    <t>地質学</t>
  </si>
  <si>
    <t>地史学. 層位学</t>
  </si>
  <si>
    <t>古生物学. 化石</t>
  </si>
  <si>
    <t>岩石学</t>
  </si>
  <si>
    <t>鉱物学</t>
  </si>
  <si>
    <t>理論生物学. 生命論</t>
  </si>
  <si>
    <t>生物地理. 生物誌</t>
  </si>
  <si>
    <t>細胞学</t>
  </si>
  <si>
    <t>生化学</t>
  </si>
  <si>
    <t>微生物学</t>
  </si>
  <si>
    <t>遺伝学</t>
  </si>
  <si>
    <t>生態学</t>
  </si>
  <si>
    <t>人類学</t>
  </si>
  <si>
    <t>一般植物学</t>
  </si>
  <si>
    <t>植物地理. 植物誌</t>
  </si>
  <si>
    <t>葉状植物</t>
  </si>
  <si>
    <t>藻類. 菌類</t>
  </si>
  <si>
    <t>コケ植物［蘚苔類］</t>
  </si>
  <si>
    <t>シダ植物</t>
  </si>
  <si>
    <t>種子植物</t>
  </si>
  <si>
    <t>裸子植物</t>
  </si>
  <si>
    <t>被子植物</t>
  </si>
  <si>
    <t>一般動物学</t>
  </si>
  <si>
    <t>動物地理. 動物誌</t>
  </si>
  <si>
    <t>無脊椎動物</t>
  </si>
  <si>
    <t>軟体動物. 貝類学</t>
  </si>
  <si>
    <t>節足動物</t>
  </si>
  <si>
    <t>昆虫類</t>
  </si>
  <si>
    <t>脊椎動物</t>
  </si>
  <si>
    <t>医学</t>
  </si>
  <si>
    <t>基礎医学</t>
  </si>
  <si>
    <t>臨床医学. 診断・治療</t>
  </si>
  <si>
    <t>内科学</t>
  </si>
  <si>
    <t>外科学</t>
  </si>
  <si>
    <t>婦人科学. 産科学</t>
  </si>
  <si>
    <t>眼科学. 耳鼻咽喉科学</t>
  </si>
  <si>
    <t>歯科学</t>
  </si>
  <si>
    <t>衛生学. 公衆衛生. 予防医学</t>
  </si>
  <si>
    <t>薬学</t>
  </si>
  <si>
    <t>鳥類</t>
    <phoneticPr fontId="1"/>
  </si>
  <si>
    <t>哺乳類</t>
    <phoneticPr fontId="1"/>
  </si>
  <si>
    <t>工業基礎学</t>
  </si>
  <si>
    <t>技術史. 工学史</t>
  </si>
  <si>
    <t>研究法. 指導法. 技術教育</t>
  </si>
  <si>
    <t>工業. 工業経済</t>
  </si>
  <si>
    <t>土木力学. 建設材料</t>
  </si>
  <si>
    <t>測量</t>
  </si>
  <si>
    <t>土木設計・施工法</t>
  </si>
  <si>
    <t>道路工学</t>
  </si>
  <si>
    <t>橋梁工学</t>
  </si>
  <si>
    <t>鉄道工学</t>
  </si>
  <si>
    <t>河海工学. 河川工学</t>
  </si>
  <si>
    <t>衛生工学. 都市工学</t>
  </si>
  <si>
    <t>環境工学. 公害</t>
  </si>
  <si>
    <t>日本の建築</t>
  </si>
  <si>
    <t>東洋の建築. アジアの建築</t>
  </si>
  <si>
    <t>西洋の建築. その他の様式の建築</t>
  </si>
  <si>
    <t>建築構造</t>
  </si>
  <si>
    <t>建築計画・施工</t>
  </si>
  <si>
    <t>各種の建築</t>
  </si>
  <si>
    <t>住宅建築</t>
  </si>
  <si>
    <t>建築設備. 設備工学</t>
  </si>
  <si>
    <t>建築意匠・装飾</t>
  </si>
  <si>
    <t>機械工学</t>
  </si>
  <si>
    <t>機械力学・材料・設計</t>
  </si>
  <si>
    <t>機械工作. 工作機械</t>
  </si>
  <si>
    <t>熱機関. 熱工学</t>
  </si>
  <si>
    <t>流体機械. 流体工学</t>
  </si>
  <si>
    <t>精密機器. 光学機器</t>
  </si>
  <si>
    <t>運輸工学. 車両. 運搬機械</t>
  </si>
  <si>
    <t>自動車工学</t>
  </si>
  <si>
    <t>航空工学. 宇宙工学</t>
  </si>
  <si>
    <t>原子力工学</t>
  </si>
  <si>
    <t>電気回路・計測・材料</t>
  </si>
  <si>
    <t>電気機器</t>
  </si>
  <si>
    <t>発電</t>
  </si>
  <si>
    <t>送電. 変電. 配電</t>
  </si>
  <si>
    <t>電灯. 照明. 電熱</t>
  </si>
  <si>
    <t>電気鉄道)</t>
  </si>
  <si>
    <t>通信工学. 電気通信</t>
  </si>
  <si>
    <t>情報工学</t>
  </si>
  <si>
    <t>電子工学</t>
  </si>
  <si>
    <t>(546</t>
  </si>
  <si>
    <t>海洋工学. 船舶工学</t>
  </si>
  <si>
    <t>理論造船学</t>
  </si>
  <si>
    <t>船体構造・材料・施工</t>
  </si>
  <si>
    <t>船体艤装. 船舶設備</t>
  </si>
  <si>
    <t>舶用機関［造機］</t>
  </si>
  <si>
    <t>船舶修理. 保守</t>
  </si>
  <si>
    <t>各種の船舶・艦艇</t>
  </si>
  <si>
    <t>航海. 航海学</t>
  </si>
  <si>
    <t>海洋開発</t>
  </si>
  <si>
    <t>兵器. 軍事工学</t>
  </si>
  <si>
    <t>採鉱. 選鉱</t>
  </si>
  <si>
    <t>各種の金属鉱床・採掘</t>
  </si>
  <si>
    <t>冶金. 合金</t>
  </si>
  <si>
    <t>鉄鋼</t>
  </si>
  <si>
    <t>非鉄金属</t>
  </si>
  <si>
    <t>金属加工. 製造冶金</t>
  </si>
  <si>
    <t>石炭</t>
  </si>
  <si>
    <t>石油</t>
  </si>
  <si>
    <t>非金属鉱物. 土石採取業</t>
  </si>
  <si>
    <t>化学工学. 化学機器</t>
  </si>
  <si>
    <t>電気化学工業</t>
  </si>
  <si>
    <t>セラミックス. 窯業. 珪酸塩化学工業</t>
  </si>
  <si>
    <t>化学薬品</t>
  </si>
  <si>
    <t>燃料. 爆発物</t>
  </si>
  <si>
    <t>油脂類</t>
  </si>
  <si>
    <t>染料</t>
  </si>
  <si>
    <t>高分子化学工業</t>
  </si>
  <si>
    <t>その他の化学工業</t>
  </si>
  <si>
    <t>金属製品</t>
  </si>
  <si>
    <t>事務機器. 家庭機器. 楽器</t>
  </si>
  <si>
    <t>木工業. 木製品</t>
  </si>
  <si>
    <t>皮革工業. 皮革製品</t>
  </si>
  <si>
    <t>パルプ・製紙工業</t>
  </si>
  <si>
    <t>繊維工学</t>
  </si>
  <si>
    <t>染色加工. 染色業</t>
  </si>
  <si>
    <t>食品工業</t>
  </si>
  <si>
    <t>その他の雑工業</t>
  </si>
  <si>
    <t>家庭経済・経営</t>
  </si>
  <si>
    <t>家庭理工学</t>
  </si>
  <si>
    <t>衣服. 裁縫</t>
  </si>
  <si>
    <t>手芸</t>
  </si>
  <si>
    <t>理容. 美容</t>
  </si>
  <si>
    <t>食品. 料理</t>
  </si>
  <si>
    <t>住居. 家具調度</t>
  </si>
  <si>
    <t>家庭衛生</t>
  </si>
  <si>
    <t>育児</t>
  </si>
  <si>
    <t>産業政策・行政. 総合開発</t>
  </si>
  <si>
    <t>産業史・事情. 物産誌</t>
  </si>
  <si>
    <t>研究法. 指導法. 産業教育</t>
  </si>
  <si>
    <t>度量衡. 計量法</t>
  </si>
  <si>
    <t>農業経済・行政・経営</t>
  </si>
  <si>
    <t>農業史・事情</t>
  </si>
  <si>
    <t>農業基礎学</t>
  </si>
  <si>
    <t>農業工学</t>
  </si>
  <si>
    <t>作物栽培. 作物学</t>
  </si>
  <si>
    <t>食用作物</t>
  </si>
  <si>
    <t>工芸作物</t>
  </si>
  <si>
    <t>繊維作物</t>
  </si>
  <si>
    <t>農産物製造・加工</t>
  </si>
  <si>
    <t>園芸</t>
  </si>
  <si>
    <t>園芸経済・行政・経営</t>
  </si>
  <si>
    <t>園芸史・事情</t>
  </si>
  <si>
    <t>園芸植物学. 病虫害</t>
  </si>
  <si>
    <t>温室. 温床. 園芸用具</t>
  </si>
  <si>
    <t>果樹園芸</t>
  </si>
  <si>
    <t>蔬菜園芸</t>
  </si>
  <si>
    <t>花卉園芸［草花］</t>
  </si>
  <si>
    <t>園芸利用</t>
  </si>
  <si>
    <t>造園</t>
  </si>
  <si>
    <t>蚕糸経済・行政・経営</t>
  </si>
  <si>
    <t>蚕糸業史・事情</t>
  </si>
  <si>
    <t>蚕学. 蚕業基礎学</t>
  </si>
  <si>
    <t>蚕種</t>
  </si>
  <si>
    <t>飼育法</t>
  </si>
  <si>
    <t>くわ. 栽桑</t>
  </si>
  <si>
    <t>蚕室. 蚕具</t>
  </si>
  <si>
    <t>まゆ</t>
  </si>
  <si>
    <t>製糸. 生糸. 蚕糸利用</t>
  </si>
  <si>
    <t>畜産業</t>
  </si>
  <si>
    <t>畜産経済・行政・経営</t>
  </si>
  <si>
    <t>畜産史・事情</t>
  </si>
  <si>
    <t>家畜の繁殖. 家畜飼料</t>
  </si>
  <si>
    <t>家畜の管理. 畜舎. 用具</t>
  </si>
  <si>
    <t>家畜. 畜産動物. 愛玩動物</t>
  </si>
  <si>
    <t>家禽</t>
  </si>
  <si>
    <t>畜産製造. 畜産物</t>
  </si>
  <si>
    <t>獣医学</t>
  </si>
  <si>
    <t>([647]</t>
  </si>
  <si>
    <t>みつばち. 昆虫)</t>
    <phoneticPr fontId="1"/>
  </si>
  <si>
    <t>林業</t>
  </si>
  <si>
    <t>林業経済・行政・経営</t>
  </si>
  <si>
    <t>森林史. 林業史・事情</t>
  </si>
  <si>
    <t>森林立地. 造林</t>
  </si>
  <si>
    <t>森林保護</t>
  </si>
  <si>
    <t>森林施業</t>
  </si>
  <si>
    <t>森林工学</t>
  </si>
  <si>
    <t>森林利用. 林産物. 木材学</t>
  </si>
  <si>
    <t>林産製造</t>
  </si>
  <si>
    <t>狩猟</t>
  </si>
  <si>
    <t>水産経済・行政・経営</t>
  </si>
  <si>
    <t>水産業および漁業史・事情</t>
  </si>
  <si>
    <t>水産基礎学</t>
  </si>
  <si>
    <t>漁労. 漁業各論</t>
  </si>
  <si>
    <t>漁船. 漁具</t>
  </si>
  <si>
    <t>水産増殖. 養殖業</t>
  </si>
  <si>
    <t>水産製造. 水産食品</t>
  </si>
  <si>
    <t>水産物利用. 水産利用工業</t>
  </si>
  <si>
    <t>製塩. 塩業</t>
  </si>
  <si>
    <t>商業政策・行政</t>
  </si>
  <si>
    <t>商業史・事情</t>
  </si>
  <si>
    <t>商業経営. 商店</t>
  </si>
  <si>
    <t>広告. 宣伝</t>
  </si>
  <si>
    <t>マーケティング</t>
  </si>
  <si>
    <t>取引所</t>
  </si>
  <si>
    <t>貿易</t>
  </si>
  <si>
    <t>運輸. 交通</t>
  </si>
  <si>
    <t>交通政策・行政・経営</t>
  </si>
  <si>
    <t>交通史・事情</t>
  </si>
  <si>
    <t>海運</t>
  </si>
  <si>
    <t>内陸水運. 運河交通</t>
  </si>
  <si>
    <t>陸運. 道路運輸</t>
  </si>
  <si>
    <t>鉄道運輸</t>
  </si>
  <si>
    <t>航空運輸</t>
  </si>
  <si>
    <t>倉庫業</t>
  </si>
  <si>
    <t>観光事業</t>
  </si>
  <si>
    <t>通信政策・行政・法令</t>
  </si>
  <si>
    <t>通信事業史・事情</t>
  </si>
  <si>
    <t>郵便. 郵政事業</t>
  </si>
  <si>
    <t>電気通信事業</t>
  </si>
  <si>
    <t>放送事業</t>
  </si>
  <si>
    <t>芸術理論. 美学</t>
  </si>
  <si>
    <t>芸術史. 美術史</t>
  </si>
  <si>
    <t>研究法. 指導法. 芸術教育</t>
  </si>
  <si>
    <t>芸術政策. 文化財</t>
  </si>
  <si>
    <t>彫刻</t>
  </si>
  <si>
    <t>彫塑材料・技法</t>
  </si>
  <si>
    <t>彫刻史. 各国の彫刻</t>
  </si>
  <si>
    <t>木彫</t>
  </si>
  <si>
    <t>石彫</t>
  </si>
  <si>
    <t>金属彫刻. 鋳造</t>
  </si>
  <si>
    <t>粘土彫刻. 塑造</t>
  </si>
  <si>
    <t>仏像</t>
  </si>
  <si>
    <t>オブジェ</t>
  </si>
  <si>
    <t>絵画</t>
  </si>
  <si>
    <t>日本画</t>
  </si>
  <si>
    <t>東洋画</t>
  </si>
  <si>
    <t>洋画</t>
  </si>
  <si>
    <t>絵画材料・技法</t>
  </si>
  <si>
    <t>素描. 描画</t>
  </si>
  <si>
    <t>漫画. 挿絵. 児童画</t>
  </si>
  <si>
    <t>グラフィックデザイン. 図案</t>
  </si>
  <si>
    <t>書. 書道</t>
  </si>
  <si>
    <t>版画</t>
  </si>
  <si>
    <t>版画材料・技法</t>
  </si>
  <si>
    <t>版画史. 各国の版画</t>
  </si>
  <si>
    <t>木版画</t>
  </si>
  <si>
    <t>石版画［リトグラフ］</t>
  </si>
  <si>
    <t>銅版画. 鋼版画</t>
  </si>
  <si>
    <t>リノリウム版画. ゴム版画</t>
  </si>
  <si>
    <t>写真版画. 孔版画</t>
  </si>
  <si>
    <t>印章. 篆刻. 印譜</t>
  </si>
  <si>
    <t>写真</t>
  </si>
  <si>
    <t>写真器械・材料</t>
  </si>
  <si>
    <t>撮影技術</t>
  </si>
  <si>
    <t>現像. 印画</t>
  </si>
  <si>
    <t>複写技術</t>
  </si>
  <si>
    <t>特殊写真</t>
  </si>
  <si>
    <t>写真の応用</t>
  </si>
  <si>
    <t>写真集</t>
  </si>
  <si>
    <t>印刷</t>
  </si>
  <si>
    <t>陶磁工芸</t>
  </si>
  <si>
    <t>漆工芸</t>
  </si>
  <si>
    <t>染織工芸</t>
  </si>
  <si>
    <t>木竹工芸</t>
  </si>
  <si>
    <t>宝石・牙角・皮革工芸</t>
  </si>
  <si>
    <t>金工芸</t>
  </si>
  <si>
    <t>デザイン. 装飾美術</t>
  </si>
  <si>
    <t>美術家具</t>
  </si>
  <si>
    <t>人形. 玩具</t>
  </si>
  <si>
    <t>音楽</t>
  </si>
  <si>
    <t>音楽の一般理論. 音楽学</t>
  </si>
  <si>
    <t>音楽史. 各国の音楽</t>
  </si>
  <si>
    <t>楽器. 器楽</t>
  </si>
  <si>
    <t>器楽合奏</t>
  </si>
  <si>
    <t>宗教音楽. 聖楽</t>
  </si>
  <si>
    <t>劇音楽</t>
  </si>
  <si>
    <t>声楽</t>
  </si>
  <si>
    <t>邦楽</t>
  </si>
  <si>
    <t>舞踊. バレエ</t>
  </si>
  <si>
    <t>演劇</t>
  </si>
  <si>
    <t>劇場. 演出. 演技</t>
  </si>
  <si>
    <t>演劇史. 各国の演劇</t>
  </si>
  <si>
    <t>能楽. 狂言</t>
  </si>
  <si>
    <t>歌舞伎</t>
  </si>
  <si>
    <t>各種の演劇</t>
  </si>
  <si>
    <t>人形劇</t>
  </si>
  <si>
    <t>映画</t>
  </si>
  <si>
    <t>大衆演芸</t>
  </si>
  <si>
    <t>体操. 遊戯</t>
  </si>
  <si>
    <t>陸上競技</t>
  </si>
  <si>
    <t>球技</t>
  </si>
  <si>
    <t>冬季競技</t>
  </si>
  <si>
    <t>水上競技</t>
  </si>
  <si>
    <t>戸外レクリエーション</t>
  </si>
  <si>
    <t>釣魚. 遊猟</t>
  </si>
  <si>
    <t>相撲. 拳闘. 競馬</t>
  </si>
  <si>
    <t>武術</t>
  </si>
  <si>
    <t>茶道</t>
  </si>
  <si>
    <t>香道</t>
  </si>
  <si>
    <t>花道［華道］</t>
  </si>
  <si>
    <t>ビリヤード</t>
  </si>
  <si>
    <t>囲碁</t>
  </si>
  <si>
    <t>将棋</t>
  </si>
  <si>
    <t>射倖ゲーム</t>
  </si>
  <si>
    <t>室内娯楽</t>
  </si>
  <si>
    <t>ダンス</t>
  </si>
  <si>
    <t>言語学</t>
  </si>
  <si>
    <t>言語史・事情. 言語政策</t>
  </si>
  <si>
    <t>研究法. 指導法. 言語教育</t>
  </si>
  <si>
    <t>言語生活</t>
  </si>
  <si>
    <t>音声. 音韻. 文字</t>
  </si>
  <si>
    <t>語源. 意味［語義］</t>
  </si>
  <si>
    <t>辞典</t>
  </si>
  <si>
    <t>語彙</t>
  </si>
  <si>
    <t>文法. 語法</t>
  </si>
  <si>
    <t>文章. 文体. 作文</t>
  </si>
  <si>
    <t>読本. 解釈. 会話</t>
  </si>
  <si>
    <t>方言. 訛語</t>
  </si>
  <si>
    <t>その他の東洋の諸言語</t>
  </si>
  <si>
    <t>その他のゲルマン諸語</t>
  </si>
  <si>
    <t>プロバンス語</t>
  </si>
  <si>
    <t>ポルトガル語</t>
  </si>
  <si>
    <t>その他のロマンス諸語</t>
  </si>
  <si>
    <t>その他のスラブ諸語</t>
  </si>
  <si>
    <t>ギリシア語</t>
  </si>
  <si>
    <t>ラテン語</t>
  </si>
  <si>
    <t>その他のヨーロッパの諸言語</t>
  </si>
  <si>
    <t>アフリカの諸言語</t>
  </si>
  <si>
    <t>アメリカの諸言語</t>
  </si>
  <si>
    <t>オーストラリアの諸言語</t>
  </si>
  <si>
    <t>国際語［人工語］</t>
  </si>
  <si>
    <t>文学理論・作法</t>
  </si>
  <si>
    <t>文学史. 文学思想史</t>
  </si>
  <si>
    <t>研究法. 指導法. 文学教育</t>
  </si>
  <si>
    <t>児童文学研究</t>
  </si>
  <si>
    <t>詩歌</t>
  </si>
  <si>
    <t>戯曲</t>
  </si>
  <si>
    <t>小説. 物語</t>
  </si>
  <si>
    <t>評論. エッセイ. 随筆</t>
  </si>
  <si>
    <t>日記. 書簡. 紀行</t>
  </si>
  <si>
    <t>記録. 手記. ルポルタージュ</t>
  </si>
  <si>
    <t>箴言. アフォリズム. 寸言</t>
  </si>
  <si>
    <t>作品集</t>
  </si>
  <si>
    <t>漢詩文. 日本漢文学</t>
  </si>
  <si>
    <t>中国文学</t>
  </si>
  <si>
    <t>詩歌. 韻文. 詩文</t>
  </si>
  <si>
    <t>その他の東洋文学</t>
  </si>
  <si>
    <t>詩</t>
  </si>
  <si>
    <t>[939]</t>
  </si>
  <si>
    <t>930/938</t>
    <phoneticPr fontId="1"/>
  </si>
  <si>
    <t>アメリカ文学</t>
    <phoneticPr fontId="1"/>
  </si>
  <si>
    <t>ドイツ文学</t>
  </si>
  <si>
    <t>その他のゲルマン文学</t>
  </si>
  <si>
    <t>フランス文学</t>
  </si>
  <si>
    <t>プロバンス文学</t>
  </si>
  <si>
    <t>スペイン文学</t>
  </si>
  <si>
    <t>ポルトガル文学</t>
  </si>
  <si>
    <t>イタリア文学</t>
  </si>
  <si>
    <t>その他のロマンス文学</t>
  </si>
  <si>
    <t>ロシア・ソビエト文学</t>
  </si>
  <si>
    <t>その他のスラブ文学</t>
  </si>
  <si>
    <t>その他の諸文学</t>
  </si>
  <si>
    <t>ギリシア文学</t>
  </si>
  <si>
    <t>ラテン文学</t>
  </si>
  <si>
    <t>その他のヨーロッパ文学</t>
  </si>
  <si>
    <t>アフリカ文学</t>
  </si>
  <si>
    <t>アメリカ先住民語の文学</t>
  </si>
  <si>
    <t>オーストラリア先住民語の文学</t>
  </si>
  <si>
    <t>学校整理番号
（３桁）</t>
    <rPh sb="0" eb="2">
      <t>ガッコウ</t>
    </rPh>
    <rPh sb="2" eb="4">
      <t>セイリ</t>
    </rPh>
    <rPh sb="4" eb="6">
      <t>バンゴウ</t>
    </rPh>
    <rPh sb="9" eb="10">
      <t>ケタ</t>
    </rPh>
    <phoneticPr fontId="2"/>
  </si>
  <si>
    <t>令和３年度　必読書・推薦書リスト</t>
    <rPh sb="0" eb="2">
      <t>レイワ</t>
    </rPh>
    <rPh sb="3" eb="5">
      <t>ネンド</t>
    </rPh>
    <rPh sb="5" eb="7">
      <t>ヘイネンド</t>
    </rPh>
    <phoneticPr fontId="1"/>
  </si>
  <si>
    <t>湘南台</t>
    <rPh sb="0" eb="3">
      <t>ショウナンダイ</t>
    </rPh>
    <phoneticPr fontId="1"/>
  </si>
  <si>
    <t>102</t>
    <phoneticPr fontId="1"/>
  </si>
  <si>
    <t>なぜ人と人は支え合うのか</t>
    <rPh sb="2" eb="3">
      <t>ヒト</t>
    </rPh>
    <rPh sb="4" eb="5">
      <t>ヒト</t>
    </rPh>
    <rPh sb="6" eb="7">
      <t>ササ</t>
    </rPh>
    <rPh sb="8" eb="9">
      <t>ア</t>
    </rPh>
    <phoneticPr fontId="1"/>
  </si>
  <si>
    <t>渡辺一史</t>
    <rPh sb="0" eb="2">
      <t>ワタナベ</t>
    </rPh>
    <rPh sb="2" eb="4">
      <t>カズフミ</t>
    </rPh>
    <phoneticPr fontId="1"/>
  </si>
  <si>
    <t>筑摩書房</t>
    <rPh sb="0" eb="2">
      <t>チクマ</t>
    </rPh>
    <rPh sb="2" eb="4">
      <t>ショボウ</t>
    </rPh>
    <phoneticPr fontId="1"/>
  </si>
  <si>
    <t>高橋うらら</t>
    <rPh sb="0" eb="2">
      <t>タカハシ</t>
    </rPh>
    <phoneticPr fontId="1"/>
  </si>
  <si>
    <t>講談社</t>
    <rPh sb="0" eb="3">
      <t>コウダンシャ</t>
    </rPh>
    <phoneticPr fontId="1"/>
  </si>
  <si>
    <t>発達って、障害ってなんだろう？</t>
    <rPh sb="0" eb="2">
      <t>ハッタツ</t>
    </rPh>
    <rPh sb="5" eb="7">
      <t>ショウガイ</t>
    </rPh>
    <phoneticPr fontId="1"/>
  </si>
  <si>
    <t>ミネルヴァ書房</t>
    <rPh sb="5" eb="7">
      <t>ショボウ</t>
    </rPh>
    <phoneticPr fontId="1"/>
  </si>
  <si>
    <t>平岩幹男</t>
    <rPh sb="0" eb="2">
      <t>ヒライワ</t>
    </rPh>
    <rPh sb="2" eb="4">
      <t>ミキオ</t>
    </rPh>
    <phoneticPr fontId="1"/>
  </si>
  <si>
    <t>岩波書店</t>
    <rPh sb="0" eb="2">
      <t>イワナミ</t>
    </rPh>
    <rPh sb="2" eb="4">
      <t>ショテン</t>
    </rPh>
    <phoneticPr fontId="1"/>
  </si>
  <si>
    <t>「お手伝いしましょうか？」     うれしかった、そのひとこと</t>
    <rPh sb="2" eb="4">
      <t>テツダ</t>
    </rPh>
    <phoneticPr fontId="1"/>
  </si>
  <si>
    <t>どんなかんじかなあ</t>
    <phoneticPr fontId="1"/>
  </si>
  <si>
    <t>中山千夏</t>
    <rPh sb="0" eb="2">
      <t>ナカヤマ</t>
    </rPh>
    <rPh sb="2" eb="4">
      <t>チナツ</t>
    </rPh>
    <phoneticPr fontId="1"/>
  </si>
  <si>
    <t>自由国民社</t>
    <rPh sb="0" eb="2">
      <t>ジユウ</t>
    </rPh>
    <rPh sb="2" eb="4">
      <t>コクミン</t>
    </rPh>
    <rPh sb="4" eb="5">
      <t>シャ</t>
    </rPh>
    <phoneticPr fontId="1"/>
  </si>
  <si>
    <t>みえるとかみえないとか</t>
    <phoneticPr fontId="1"/>
  </si>
  <si>
    <t>ヨシタケシンスケ</t>
    <phoneticPr fontId="1"/>
  </si>
  <si>
    <t>アリス館</t>
    <rPh sb="3" eb="4">
      <t>ヤカタ</t>
    </rPh>
    <phoneticPr fontId="1"/>
  </si>
  <si>
    <t>ルポ看護の質</t>
    <rPh sb="2" eb="4">
      <t>カンゴ</t>
    </rPh>
    <rPh sb="5" eb="6">
      <t>シツ</t>
    </rPh>
    <phoneticPr fontId="1"/>
  </si>
  <si>
    <t>小林美希</t>
    <rPh sb="0" eb="2">
      <t>コバヤシ</t>
    </rPh>
    <rPh sb="2" eb="4">
      <t>ミキ</t>
    </rPh>
    <phoneticPr fontId="1"/>
  </si>
  <si>
    <t>ナイチンゲール伝</t>
    <rPh sb="7" eb="8">
      <t>デン</t>
    </rPh>
    <phoneticPr fontId="1"/>
  </si>
  <si>
    <t>茨木保</t>
    <rPh sb="0" eb="2">
      <t>イバラギ</t>
    </rPh>
    <rPh sb="2" eb="3">
      <t>タモツ</t>
    </rPh>
    <phoneticPr fontId="1"/>
  </si>
  <si>
    <t>医学書院</t>
    <rPh sb="0" eb="2">
      <t>イガク</t>
    </rPh>
    <rPh sb="2" eb="4">
      <t>ショイン</t>
    </rPh>
    <phoneticPr fontId="1"/>
  </si>
  <si>
    <t>障害者と福祉の観点から、人と人とが支え合うとはどういうことなのかについて書いています。</t>
    <rPh sb="0" eb="3">
      <t>ショウガイシャ</t>
    </rPh>
    <rPh sb="4" eb="6">
      <t>フクシ</t>
    </rPh>
    <rPh sb="7" eb="9">
      <t>カンテン</t>
    </rPh>
    <rPh sb="12" eb="13">
      <t>ヒト</t>
    </rPh>
    <rPh sb="14" eb="15">
      <t>ヒト</t>
    </rPh>
    <rPh sb="17" eb="18">
      <t>ササ</t>
    </rPh>
    <rPh sb="19" eb="20">
      <t>ア</t>
    </rPh>
    <rPh sb="36" eb="37">
      <t>カ</t>
    </rPh>
    <phoneticPr fontId="1"/>
  </si>
  <si>
    <t>ナイチンゲールの伝記と看護学書『看護覚え書』について、まんがでわかりやすく書いています。</t>
    <rPh sb="8" eb="10">
      <t>デンキ</t>
    </rPh>
    <rPh sb="11" eb="14">
      <t>カンゴガク</t>
    </rPh>
    <rPh sb="14" eb="15">
      <t>ショ</t>
    </rPh>
    <rPh sb="16" eb="18">
      <t>カンゴ</t>
    </rPh>
    <rPh sb="18" eb="19">
      <t>オボ</t>
    </rPh>
    <rPh sb="20" eb="21">
      <t>カ</t>
    </rPh>
    <rPh sb="37" eb="38">
      <t>カ</t>
    </rPh>
    <phoneticPr fontId="1"/>
  </si>
  <si>
    <t>看護の質と現状について書いたルポルタージュ。</t>
    <rPh sb="0" eb="2">
      <t>カンゴ</t>
    </rPh>
    <rPh sb="3" eb="4">
      <t>シツ</t>
    </rPh>
    <rPh sb="5" eb="7">
      <t>ゲンジョウ</t>
    </rPh>
    <rPh sb="11" eb="12">
      <t>カ</t>
    </rPh>
    <phoneticPr fontId="1"/>
  </si>
  <si>
    <t>手助けが必要な人を見かけたときの、声のかけ方とお手伝いの仕方について。ルビがふってありわかりやすいです。</t>
    <rPh sb="0" eb="2">
      <t>テダス</t>
    </rPh>
    <rPh sb="4" eb="6">
      <t>ヒツヨウ</t>
    </rPh>
    <rPh sb="7" eb="8">
      <t>ヒト</t>
    </rPh>
    <rPh sb="9" eb="10">
      <t>ミ</t>
    </rPh>
    <rPh sb="17" eb="18">
      <t>コエ</t>
    </rPh>
    <rPh sb="21" eb="22">
      <t>カタ</t>
    </rPh>
    <rPh sb="24" eb="26">
      <t>テツダ</t>
    </rPh>
    <rPh sb="28" eb="30">
      <t>シカタ</t>
    </rPh>
    <phoneticPr fontId="1"/>
  </si>
  <si>
    <t>思春期の発達障害について日常で役に立つアドバイスもあり、新書で読みやすいです。</t>
    <rPh sb="0" eb="3">
      <t>シシュンキ</t>
    </rPh>
    <rPh sb="4" eb="6">
      <t>ハッタツ</t>
    </rPh>
    <rPh sb="6" eb="8">
      <t>ショウガイ</t>
    </rPh>
    <rPh sb="12" eb="14">
      <t>ニチジョウ</t>
    </rPh>
    <rPh sb="15" eb="16">
      <t>ヤク</t>
    </rPh>
    <rPh sb="17" eb="18">
      <t>タ</t>
    </rPh>
    <rPh sb="28" eb="30">
      <t>シンショ</t>
    </rPh>
    <rPh sb="31" eb="32">
      <t>ヨ</t>
    </rPh>
    <phoneticPr fontId="1"/>
  </si>
  <si>
    <t>発達、障害そして共に生きるということについて解説しています。</t>
    <rPh sb="0" eb="2">
      <t>ハッタツ</t>
    </rPh>
    <rPh sb="3" eb="5">
      <t>ショウガイ</t>
    </rPh>
    <rPh sb="8" eb="9">
      <t>トモ</t>
    </rPh>
    <rPh sb="10" eb="11">
      <t>イ</t>
    </rPh>
    <rPh sb="22" eb="24">
      <t>カイセツ</t>
    </rPh>
    <phoneticPr fontId="1"/>
  </si>
  <si>
    <t>726</t>
    <phoneticPr fontId="1"/>
  </si>
  <si>
    <t>369</t>
    <phoneticPr fontId="1"/>
  </si>
  <si>
    <t>378</t>
    <phoneticPr fontId="1"/>
  </si>
  <si>
    <t>日原信彦</t>
    <rPh sb="0" eb="2">
      <t>ヒハラ</t>
    </rPh>
    <rPh sb="2" eb="4">
      <t>ノブヒコ</t>
    </rPh>
    <phoneticPr fontId="1"/>
  </si>
  <si>
    <t>289</t>
    <phoneticPr fontId="1"/>
  </si>
  <si>
    <t>498</t>
    <phoneticPr fontId="1"/>
  </si>
  <si>
    <t>369</t>
    <phoneticPr fontId="1"/>
  </si>
  <si>
    <t>男の子は障害を持った子や両親をなくした子に「どんなかんじかなあ」と聞き想像してみます。男の子が聞いた理由は・・・。絵本です。</t>
    <rPh sb="0" eb="1">
      <t>オトコ</t>
    </rPh>
    <rPh sb="2" eb="3">
      <t>コ</t>
    </rPh>
    <rPh sb="4" eb="6">
      <t>ショウガイ</t>
    </rPh>
    <rPh sb="7" eb="8">
      <t>モ</t>
    </rPh>
    <rPh sb="10" eb="11">
      <t>コ</t>
    </rPh>
    <rPh sb="12" eb="14">
      <t>リョウシン</t>
    </rPh>
    <rPh sb="19" eb="20">
      <t>コ</t>
    </rPh>
    <rPh sb="33" eb="34">
      <t>キ</t>
    </rPh>
    <rPh sb="35" eb="37">
      <t>ソウゾウ</t>
    </rPh>
    <rPh sb="43" eb="44">
      <t>オトコ</t>
    </rPh>
    <rPh sb="45" eb="46">
      <t>コ</t>
    </rPh>
    <rPh sb="47" eb="48">
      <t>キ</t>
    </rPh>
    <rPh sb="50" eb="52">
      <t>リユウ</t>
    </rPh>
    <rPh sb="57" eb="59">
      <t>エホン</t>
    </rPh>
    <phoneticPr fontId="1"/>
  </si>
  <si>
    <t>SDGｓ（持続可能な開発目標）</t>
    <phoneticPr fontId="1"/>
  </si>
  <si>
    <t>中央公論新社</t>
    <phoneticPr fontId="1"/>
  </si>
  <si>
    <t>ＳＤＧｓ（持続可能な開発目標）は、国連で採択された「未来のかたち」です。「持続可能で多様性と包摂性のある社会実現のため、2030年を年限とする17の国際目標」です。企業・自治体、そして私たち個人はどう行動すべきかについて解説しています。</t>
    <phoneticPr fontId="1"/>
  </si>
  <si>
    <t>SDGs――危機の時代の羅針盤</t>
    <phoneticPr fontId="1"/>
  </si>
  <si>
    <t>南博、稲場雅紀</t>
    <phoneticPr fontId="1"/>
  </si>
  <si>
    <t>岩波書店</t>
    <rPh sb="0" eb="2">
      <t>イワナミ</t>
    </rPh>
    <rPh sb="2" eb="4">
      <t>ショテン</t>
    </rPh>
    <phoneticPr fontId="1"/>
  </si>
  <si>
    <t>ＳＤＧｓは、「続く世界」を目指す17のゴール。2030年の期限まで10年を切り、コロナ禍の今こそ、危機の時代の羅針盤としてその真価が問われています。日本政府の交渉官と、開発・環境関係のNGO代表というプロの展望などを漏れなく紹介する入門書です。</t>
    <phoneticPr fontId="1"/>
  </si>
  <si>
    <t>図解SDGs入門</t>
    <phoneticPr fontId="1"/>
  </si>
  <si>
    <t>同名のSDGs本の著者が書いた最新作です。取り組みが多岐にわたるSDGsに、本書では、数字で見る世界から見た日本の立ち位置について、66の日本の課題をあげ、データをもとに提示。さまざまな視点から今の日本が置かれている状況を考えることができるようになっています。</t>
    <phoneticPr fontId="1"/>
  </si>
  <si>
    <t>未来を変える目標 SDGsアイデアブック</t>
    <phoneticPr fontId="1"/>
  </si>
  <si>
    <t>SDGsをわかりやすく、楽しく知ってもらうために、視覚的表現を使い、17個の目標の説明、優れたアイデアに焦点を当てた世界の活動34事例を紹介しています。また、環境問題や金融、福祉、テクノロジーの専門家など14名の執筆者のコラムも掲載しています。</t>
    <phoneticPr fontId="1"/>
  </si>
  <si>
    <t>スマホ脳</t>
    <phoneticPr fontId="1"/>
  </si>
  <si>
    <t>新潮社</t>
    <rPh sb="0" eb="3">
      <t>シンチョウシャ</t>
    </rPh>
    <phoneticPr fontId="1"/>
  </si>
  <si>
    <t>最新研究が示す恐るべき真実。―最新研究が明らかにするのはスマホの便利さに溺れているうちにあなたの脳が確実に蝕まれていくという現実です。教育大国スウェーデンを震撼させ、社会現象となった世界的ベストセラーです。</t>
    <phoneticPr fontId="1"/>
  </si>
  <si>
    <t>石弘之</t>
    <phoneticPr fontId="1"/>
  </si>
  <si>
    <t>KADOKAWA</t>
    <phoneticPr fontId="1"/>
  </si>
  <si>
    <t>人類と微生物の格闘、共生を３０億年の地球環境史から読み解いた『感染症の世界史』の図解版。感染症にまつわるさまざまな話題を１００点超の図版を使って紹介しています。新型コロナウイルスの最新の知見も満載。</t>
    <phoneticPr fontId="1"/>
  </si>
  <si>
    <t>重松清</t>
    <phoneticPr fontId="1"/>
  </si>
  <si>
    <t>命あるものには、必ず訪れる『その日』。いつ来るかは分からない。それまで、どう生きるのか。命、人生にまつわる７つの話からなる連作短編集。各物語が伏線になっています。</t>
    <rPh sb="56" eb="57">
      <t>ハナシ</t>
    </rPh>
    <phoneticPr fontId="1"/>
  </si>
  <si>
    <t>青い鳥</t>
    <phoneticPr fontId="1"/>
  </si>
  <si>
    <t>村内先生は、中学の非常勤講師。国語の先生なのに言葉がつっかえてうまく話せない。でも先生は、その分大事なことしか言わないという。色々な学校に赴任し、傷を抱えた生徒たちの心にそっと寄り添い、本当にたいせつなことは何かを教えてくれる物語です。</t>
    <phoneticPr fontId="1"/>
  </si>
  <si>
    <t>思っていることを上手に話すことができず、ひとりぼっちだった少年は、様々な人と出会うなか「伝えること」を諦めないおとなに成長していく連作短編集です。</t>
    <phoneticPr fontId="1"/>
  </si>
  <si>
    <t>きみの友だち</t>
    <phoneticPr fontId="1"/>
  </si>
  <si>
    <t>角田光代</t>
    <rPh sb="0" eb="2">
      <t>カクタ</t>
    </rPh>
    <rPh sb="2" eb="4">
      <t>ミツヨ</t>
    </rPh>
    <phoneticPr fontId="1"/>
  </si>
  <si>
    <t>モーム短篇選〈上〉〈下〉</t>
    <phoneticPr fontId="1"/>
  </si>
  <si>
    <t>長篇小説『月と六ペンス』の作家サマセット・モームは、絶妙な語り口と鋭い人間描写で読者を魅了する優れた短篇小説も数多く残しています。希代のストーリーテラーといわれるモームの魅力を存分に楽しめる作品を厳選して収録しています。</t>
    <phoneticPr fontId="1"/>
  </si>
  <si>
    <t>図解 感染症の世界史</t>
    <phoneticPr fontId="1"/>
  </si>
  <si>
    <t>その日のまえに</t>
    <phoneticPr fontId="1"/>
  </si>
  <si>
    <t>重松清</t>
    <phoneticPr fontId="1"/>
  </si>
  <si>
    <t>きよしこ</t>
    <phoneticPr fontId="1"/>
  </si>
  <si>
    <t>足の不自由な恵美ちゃんと病気がちな由香ちゃんは、ある事件がきっかけでクラスのだれとも付き合わなくなった。それぞれの物語がちりばめられた、「友だち」のほんとうの意味をさがす連作長編（10本の短編それぞれの話に繋がりがある連作形式）です。</t>
    <phoneticPr fontId="1"/>
  </si>
  <si>
    <t>さがしもの</t>
    <phoneticPr fontId="1"/>
  </si>
  <si>
    <t>519</t>
    <phoneticPr fontId="1"/>
  </si>
  <si>
    <t>蟹江憲史</t>
    <phoneticPr fontId="1"/>
  </si>
  <si>
    <t>331</t>
    <phoneticPr fontId="1"/>
  </si>
  <si>
    <t>村上芽</t>
    <phoneticPr fontId="1"/>
  </si>
  <si>
    <t>日経ＢＰ日本経済新聞出版本部</t>
    <rPh sb="0" eb="2">
      <t>ニッケイ</t>
    </rPh>
    <rPh sb="12" eb="14">
      <t>ホンブ</t>
    </rPh>
    <phoneticPr fontId="1"/>
  </si>
  <si>
    <t>Think the Earth 編著</t>
    <rPh sb="16" eb="18">
      <t>ヘンチョ</t>
    </rPh>
    <phoneticPr fontId="1"/>
  </si>
  <si>
    <t>Think the Earth　</t>
    <phoneticPr fontId="1"/>
  </si>
  <si>
    <t>491</t>
    <phoneticPr fontId="1"/>
  </si>
  <si>
    <t>アンデシュ・ハンセン</t>
    <phoneticPr fontId="1"/>
  </si>
  <si>
    <t>493</t>
    <phoneticPr fontId="1"/>
  </si>
  <si>
    <t>913</t>
    <phoneticPr fontId="1"/>
  </si>
  <si>
    <t>文藝春秋</t>
    <phoneticPr fontId="1"/>
  </si>
  <si>
    <t>933</t>
    <phoneticPr fontId="1"/>
  </si>
  <si>
    <t>モーム</t>
    <phoneticPr fontId="1"/>
  </si>
  <si>
    <t>発達障害 思春期からのライフスキル</t>
    <rPh sb="0" eb="4">
      <t>ハッタツショウガイ</t>
    </rPh>
    <rPh sb="5" eb="8">
      <t>シシュンキ</t>
    </rPh>
    <phoneticPr fontId="1"/>
  </si>
  <si>
    <t>共生社会の実現に向けて必要なことは、互いに理解し合うことが大切。絵本で分かりやすく描かれています。</t>
    <rPh sb="0" eb="2">
      <t>キョウセイ</t>
    </rPh>
    <rPh sb="2" eb="4">
      <t>シャカイ</t>
    </rPh>
    <rPh sb="5" eb="7">
      <t>ジツゲン</t>
    </rPh>
    <rPh sb="8" eb="9">
      <t>ム</t>
    </rPh>
    <rPh sb="11" eb="13">
      <t>ヒツヨウ</t>
    </rPh>
    <rPh sb="18" eb="19">
      <t>タガ</t>
    </rPh>
    <rPh sb="21" eb="23">
      <t>リカイ</t>
    </rPh>
    <rPh sb="24" eb="25">
      <t>ア</t>
    </rPh>
    <rPh sb="29" eb="31">
      <t>タイセツ</t>
    </rPh>
    <rPh sb="32" eb="34">
      <t>エホン</t>
    </rPh>
    <rPh sb="35" eb="36">
      <t>ワ</t>
    </rPh>
    <rPh sb="41" eb="42">
      <t>カ</t>
    </rPh>
    <phoneticPr fontId="1"/>
  </si>
  <si>
    <t>　本校は、アクティブ・シチズンの育成とインクルーシブ教育の実践を学校教育目標にし、キャリア教育の充実と共生社会の実現をめざし、すべての生徒が共に学び相互理解を深めていく教育に取り組んでいます。図書館においても、進路関係の本や障害や共生についての本を充実させて理解を深めるようにしています。今回は、先生方と司書が、さまざまな視点から、読みやすく理解しやすい本を選びました。是非手に取って読んでみてください。</t>
    <rPh sb="1" eb="3">
      <t>ホンコウ</t>
    </rPh>
    <rPh sb="16" eb="18">
      <t>イクセイ</t>
    </rPh>
    <rPh sb="26" eb="28">
      <t>キョウイク</t>
    </rPh>
    <rPh sb="29" eb="31">
      <t>ジッセン</t>
    </rPh>
    <rPh sb="32" eb="34">
      <t>ガッコウ</t>
    </rPh>
    <rPh sb="34" eb="36">
      <t>キョウイク</t>
    </rPh>
    <rPh sb="36" eb="38">
      <t>モクヒョウ</t>
    </rPh>
    <rPh sb="45" eb="47">
      <t>キョウイク</t>
    </rPh>
    <rPh sb="48" eb="50">
      <t>ジュウジツ</t>
    </rPh>
    <rPh sb="51" eb="53">
      <t>キョウセイ</t>
    </rPh>
    <rPh sb="53" eb="55">
      <t>シャカイ</t>
    </rPh>
    <rPh sb="56" eb="58">
      <t>ジツゲン</t>
    </rPh>
    <rPh sb="67" eb="69">
      <t>セイト</t>
    </rPh>
    <rPh sb="70" eb="71">
      <t>トモ</t>
    </rPh>
    <rPh sb="72" eb="73">
      <t>マナ</t>
    </rPh>
    <rPh sb="74" eb="76">
      <t>ソウゴ</t>
    </rPh>
    <rPh sb="76" eb="78">
      <t>リカイ</t>
    </rPh>
    <rPh sb="79" eb="80">
      <t>フカ</t>
    </rPh>
    <rPh sb="84" eb="86">
      <t>キョウイク</t>
    </rPh>
    <rPh sb="87" eb="88">
      <t>ト</t>
    </rPh>
    <rPh sb="89" eb="90">
      <t>ク</t>
    </rPh>
    <rPh sb="96" eb="99">
      <t>トショカン</t>
    </rPh>
    <rPh sb="105" eb="107">
      <t>シンロ</t>
    </rPh>
    <rPh sb="107" eb="109">
      <t>カンケイ</t>
    </rPh>
    <rPh sb="110" eb="111">
      <t>ホン</t>
    </rPh>
    <rPh sb="112" eb="114">
      <t>ショウガイ</t>
    </rPh>
    <rPh sb="115" eb="117">
      <t>キョウセイ</t>
    </rPh>
    <rPh sb="122" eb="123">
      <t>ホン</t>
    </rPh>
    <rPh sb="124" eb="126">
      <t>ジュウジツ</t>
    </rPh>
    <rPh sb="129" eb="131">
      <t>リカイ</t>
    </rPh>
    <rPh sb="132" eb="133">
      <t>フカ</t>
    </rPh>
    <rPh sb="144" eb="146">
      <t>コンカイ</t>
    </rPh>
    <rPh sb="148" eb="151">
      <t>センセイガタ</t>
    </rPh>
    <rPh sb="152" eb="154">
      <t>シショ</t>
    </rPh>
    <rPh sb="161" eb="163">
      <t>シテン</t>
    </rPh>
    <rPh sb="166" eb="167">
      <t>ヨ</t>
    </rPh>
    <rPh sb="171" eb="173">
      <t>リカイ</t>
    </rPh>
    <rPh sb="177" eb="178">
      <t>ホン</t>
    </rPh>
    <rPh sb="179" eb="180">
      <t>エラ</t>
    </rPh>
    <rPh sb="185" eb="187">
      <t>ゼヒ</t>
    </rPh>
    <rPh sb="187" eb="188">
      <t>テ</t>
    </rPh>
    <rPh sb="189" eb="190">
      <t>ト</t>
    </rPh>
    <rPh sb="192" eb="193">
      <t>ヨ</t>
    </rPh>
    <phoneticPr fontId="1"/>
  </si>
  <si>
    <t>高等学校</t>
    <rPh sb="0" eb="2">
      <t>コウトウ</t>
    </rPh>
    <rPh sb="2" eb="4">
      <t>ガッコウ</t>
    </rPh>
    <phoneticPr fontId="1"/>
  </si>
  <si>
    <t>「本」をテーマにした、９つの短編（ショートストーリー）集です。いろいろな立場の主人公が、いろいろな場面で「本」と出会います。「本」にまつわる話です。</t>
    <rPh sb="57" eb="58">
      <t>ア</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_ "/>
  </numFmts>
  <fonts count="11">
    <font>
      <sz val="11"/>
      <name val="ＭＳ Ｐゴシック"/>
      <family val="3"/>
      <charset val="128"/>
    </font>
    <font>
      <sz val="6"/>
      <name val="ＭＳ Ｐゴシック"/>
      <family val="3"/>
      <charset val="128"/>
    </font>
    <font>
      <sz val="12"/>
      <name val="ＭＳ 明朝"/>
      <family val="1"/>
      <charset val="128"/>
    </font>
    <font>
      <sz val="12"/>
      <name val="ＭＳ Ｐゴシック"/>
      <family val="3"/>
      <charset val="128"/>
      <scheme val="major"/>
    </font>
    <font>
      <sz val="11"/>
      <name val="ＭＳ Ｐゴシック"/>
      <family val="3"/>
      <charset val="128"/>
      <scheme val="major"/>
    </font>
    <font>
      <sz val="14"/>
      <name val="ＭＳ Ｐゴシック"/>
      <family val="3"/>
      <charset val="128"/>
      <scheme val="major"/>
    </font>
    <font>
      <sz val="11"/>
      <color indexed="62"/>
      <name val="ＭＳ Ｐゴシック"/>
      <family val="3"/>
      <charset val="128"/>
      <scheme val="major"/>
    </font>
    <font>
      <b/>
      <sz val="11"/>
      <name val="ＭＳ Ｐゴシック"/>
      <family val="3"/>
      <charset val="128"/>
      <scheme val="major"/>
    </font>
    <font>
      <sz val="10"/>
      <name val="ＭＳ Ｐゴシック"/>
      <family val="3"/>
      <charset val="128"/>
      <scheme val="major"/>
    </font>
    <font>
      <sz val="10"/>
      <color indexed="62"/>
      <name val="ＭＳ Ｐゴシック"/>
      <family val="3"/>
      <charset val="128"/>
      <scheme val="major"/>
    </font>
    <font>
      <sz val="8"/>
      <color indexed="62"/>
      <name val="ＭＳ Ｐゴシック"/>
      <family val="3"/>
      <charset val="128"/>
      <scheme val="major"/>
    </font>
  </fonts>
  <fills count="6">
    <fill>
      <patternFill patternType="none"/>
    </fill>
    <fill>
      <patternFill patternType="gray125"/>
    </fill>
    <fill>
      <patternFill patternType="mediumGray">
        <fgColor indexed="9"/>
        <bgColor indexed="41"/>
      </patternFill>
    </fill>
    <fill>
      <patternFill patternType="solid">
        <fgColor theme="5" tint="0.79998168889431442"/>
        <bgColor indexed="64"/>
      </patternFill>
    </fill>
    <fill>
      <patternFill patternType="mediumGray">
        <fgColor indexed="9"/>
        <bgColor theme="5" tint="0.79998168889431442"/>
      </patternFill>
    </fill>
    <fill>
      <patternFill patternType="mediumGray">
        <fgColor indexed="9"/>
        <bgColor rgb="FFCCECFF"/>
      </patternFill>
    </fill>
  </fills>
  <borders count="14">
    <border>
      <left/>
      <right/>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hair">
        <color theme="0" tint="-0.499984740745262"/>
      </right>
      <top style="thin">
        <color theme="0" tint="-0.499984740745262"/>
      </top>
      <bottom style="thin">
        <color theme="0" tint="-0.499984740745262"/>
      </bottom>
      <diagonal/>
    </border>
    <border>
      <left style="hair">
        <color theme="0" tint="-0.499984740745262"/>
      </left>
      <right style="thin">
        <color theme="0" tint="-0.499984740745262"/>
      </right>
      <top style="thin">
        <color theme="0" tint="-0.499984740745262"/>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theme="0" tint="-0.499984740745262"/>
      </left>
      <right style="hair">
        <color theme="0" tint="-0.499984740745262"/>
      </right>
      <top/>
      <bottom style="thin">
        <color theme="0" tint="-0.499984740745262"/>
      </bottom>
      <diagonal/>
    </border>
    <border>
      <left style="hair">
        <color theme="0" tint="-0.499984740745262"/>
      </left>
      <right style="hair">
        <color theme="0" tint="-0.499984740745262"/>
      </right>
      <top/>
      <bottom style="thin">
        <color theme="0" tint="-0.499984740745262"/>
      </bottom>
      <diagonal/>
    </border>
    <border>
      <left style="hair">
        <color theme="0" tint="-0.499984740745262"/>
      </left>
      <right style="thin">
        <color theme="0" tint="-0.499984740745262"/>
      </right>
      <top/>
      <bottom style="thin">
        <color theme="0" tint="-0.499984740745262"/>
      </bottom>
      <diagonal/>
    </border>
    <border>
      <left style="thin">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hair">
        <color theme="0" tint="-0.499984740745262"/>
      </right>
      <top style="thin">
        <color theme="0" tint="-0.499984740745262"/>
      </top>
      <bottom style="double">
        <color theme="0" tint="-0.499984740745262"/>
      </bottom>
      <diagonal/>
    </border>
    <border>
      <left style="hair">
        <color theme="0" tint="-0.499984740745262"/>
      </left>
      <right style="thin">
        <color theme="0" tint="-0.499984740745262"/>
      </right>
      <top style="thin">
        <color theme="0" tint="-0.499984740745262"/>
      </top>
      <bottom style="double">
        <color theme="0" tint="-0.499984740745262"/>
      </bottom>
      <diagonal/>
    </border>
  </borders>
  <cellStyleXfs count="1">
    <xf numFmtId="0" fontId="0" fillId="0" borderId="0"/>
  </cellStyleXfs>
  <cellXfs count="37">
    <xf numFmtId="0" fontId="0" fillId="0" borderId="0" xfId="0"/>
    <xf numFmtId="0" fontId="0" fillId="0" borderId="0" xfId="0" applyAlignment="1">
      <alignment wrapText="1"/>
    </xf>
    <xf numFmtId="49" fontId="0" fillId="0" borderId="0" xfId="0" applyNumberFormat="1" applyAlignment="1">
      <alignment horizontal="right"/>
    </xf>
    <xf numFmtId="49" fontId="0" fillId="0" borderId="0" xfId="0" applyNumberFormat="1"/>
    <xf numFmtId="0" fontId="3" fillId="5" borderId="0" xfId="0" applyFont="1" applyFill="1"/>
    <xf numFmtId="0" fontId="3" fillId="5" borderId="0" xfId="0" applyFont="1" applyFill="1" applyBorder="1" applyAlignment="1">
      <alignment horizontal="left"/>
    </xf>
    <xf numFmtId="0" fontId="3" fillId="2" borderId="0" xfId="0" applyFont="1" applyFill="1"/>
    <xf numFmtId="0" fontId="4" fillId="5" borderId="0" xfId="0" applyFont="1" applyFill="1"/>
    <xf numFmtId="0" fontId="4" fillId="5" borderId="0" xfId="0" applyFont="1" applyFill="1" applyAlignment="1">
      <alignment horizontal="left"/>
    </xf>
    <xf numFmtId="0" fontId="5" fillId="5" borderId="0" xfId="0" applyFont="1" applyFill="1" applyBorder="1" applyAlignment="1">
      <alignment horizontal="center"/>
    </xf>
    <xf numFmtId="0" fontId="4" fillId="2" borderId="0" xfId="0" applyFont="1" applyFill="1"/>
    <xf numFmtId="0" fontId="7" fillId="5" borderId="0" xfId="0" applyFont="1" applyFill="1"/>
    <xf numFmtId="0" fontId="4" fillId="5" borderId="0" xfId="0" applyFont="1" applyFill="1" applyBorder="1" applyAlignment="1"/>
    <xf numFmtId="0" fontId="4" fillId="5" borderId="0" xfId="0" applyFont="1" applyFill="1" applyAlignment="1">
      <alignment vertical="center"/>
    </xf>
    <xf numFmtId="0" fontId="4" fillId="5" borderId="1" xfId="0" applyFont="1" applyFill="1" applyBorder="1" applyAlignment="1">
      <alignment horizontal="center" vertical="center"/>
    </xf>
    <xf numFmtId="0" fontId="4" fillId="4" borderId="11" xfId="0" applyFont="1" applyFill="1" applyBorder="1" applyAlignment="1">
      <alignment horizontal="center" wrapText="1"/>
    </xf>
    <xf numFmtId="49" fontId="4" fillId="0" borderId="1" xfId="0" applyNumberFormat="1" applyFont="1" applyFill="1" applyBorder="1" applyAlignment="1">
      <alignment horizontal="center" vertical="center"/>
    </xf>
    <xf numFmtId="49" fontId="4" fillId="3" borderId="2" xfId="0" applyNumberFormat="1" applyFont="1" applyFill="1" applyBorder="1" applyAlignment="1">
      <alignment horizontal="center" vertical="center"/>
    </xf>
    <xf numFmtId="49" fontId="4" fillId="3" borderId="8" xfId="0" quotePrefix="1" applyNumberFormat="1" applyFont="1" applyFill="1" applyBorder="1" applyAlignment="1">
      <alignment horizontal="center" vertical="center"/>
    </xf>
    <xf numFmtId="0" fontId="3" fillId="5" borderId="0" xfId="0" applyFont="1" applyFill="1" applyBorder="1" applyAlignment="1">
      <alignment horizontal="center"/>
    </xf>
    <xf numFmtId="0" fontId="9" fillId="0" borderId="3" xfId="0" applyFont="1" applyFill="1" applyBorder="1" applyAlignment="1">
      <alignment vertical="center" wrapText="1"/>
    </xf>
    <xf numFmtId="176" fontId="10" fillId="0" borderId="3" xfId="0" applyNumberFormat="1" applyFont="1" applyFill="1" applyBorder="1" applyAlignment="1">
      <alignment vertical="center" wrapText="1"/>
    </xf>
    <xf numFmtId="176" fontId="10" fillId="0" borderId="4" xfId="0" applyNumberFormat="1" applyFont="1" applyFill="1" applyBorder="1" applyAlignment="1">
      <alignment vertical="center" wrapText="1"/>
    </xf>
    <xf numFmtId="176" fontId="10" fillId="0" borderId="9" xfId="0" applyNumberFormat="1" applyFont="1" applyFill="1" applyBorder="1" applyAlignment="1">
      <alignment vertical="center" wrapText="1"/>
    </xf>
    <xf numFmtId="176" fontId="10" fillId="0" borderId="10" xfId="0" applyNumberFormat="1" applyFont="1" applyFill="1" applyBorder="1" applyAlignment="1">
      <alignment vertical="center" wrapText="1"/>
    </xf>
    <xf numFmtId="0" fontId="8" fillId="5" borderId="12" xfId="0" applyFont="1" applyFill="1" applyBorder="1" applyAlignment="1">
      <alignment horizontal="left" vertical="center" wrapText="1"/>
    </xf>
    <xf numFmtId="0" fontId="8" fillId="5" borderId="12" xfId="0" applyFont="1" applyFill="1" applyBorder="1" applyAlignment="1">
      <alignment horizontal="left" vertical="center"/>
    </xf>
    <xf numFmtId="0" fontId="8" fillId="5" borderId="13" xfId="0" applyFont="1" applyFill="1" applyBorder="1" applyAlignment="1">
      <alignment horizontal="left" vertical="center"/>
    </xf>
    <xf numFmtId="0" fontId="9" fillId="0" borderId="9" xfId="0" applyFont="1" applyFill="1" applyBorder="1" applyAlignment="1">
      <alignment vertical="center" wrapText="1"/>
    </xf>
    <xf numFmtId="0" fontId="4" fillId="0" borderId="1" xfId="0" applyFont="1" applyFill="1" applyBorder="1" applyAlignment="1">
      <alignment horizontal="center" vertical="center"/>
    </xf>
    <xf numFmtId="0" fontId="4" fillId="5" borderId="1" xfId="0" applyFont="1" applyFill="1" applyBorder="1" applyAlignment="1">
      <alignment horizontal="center" vertical="center" wrapText="1"/>
    </xf>
    <xf numFmtId="0" fontId="4" fillId="5" borderId="1" xfId="0" applyFont="1" applyFill="1" applyBorder="1" applyAlignment="1">
      <alignment horizontal="center" wrapText="1"/>
    </xf>
    <xf numFmtId="0" fontId="4" fillId="5" borderId="1" xfId="0" applyFont="1" applyFill="1" applyBorder="1" applyAlignment="1">
      <alignment horizontal="center"/>
    </xf>
    <xf numFmtId="0" fontId="8" fillId="5" borderId="12" xfId="0" applyFont="1" applyFill="1" applyBorder="1" applyAlignment="1">
      <alignment horizontal="center" vertical="center"/>
    </xf>
    <xf numFmtId="0" fontId="6" fillId="0" borderId="5" xfId="0" applyFont="1" applyFill="1" applyBorder="1" applyAlignment="1">
      <alignment horizontal="left" vertical="top" wrapText="1"/>
    </xf>
    <xf numFmtId="0" fontId="6" fillId="0" borderId="6" xfId="0" applyFont="1" applyFill="1" applyBorder="1" applyAlignment="1">
      <alignment horizontal="left" vertical="top" wrapText="1"/>
    </xf>
    <xf numFmtId="0" fontId="6" fillId="0" borderId="7" xfId="0" applyFont="1" applyFill="1" applyBorder="1" applyAlignment="1">
      <alignment horizontal="left" vertical="top" wrapText="1"/>
    </xf>
  </cellXfs>
  <cellStyles count="1">
    <cellStyle name="標準" xfId="0" builtinId="0"/>
  </cellStyles>
  <dxfs count="0"/>
  <tableStyles count="0" defaultTableStyle="TableStyleMedium9" defaultPivotStyle="PivotStyleLight16"/>
  <colors>
    <mruColors>
      <color rgb="FFCCE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34"/>
    <pageSetUpPr fitToPage="1"/>
  </sheetPr>
  <dimension ref="A1:L28"/>
  <sheetViews>
    <sheetView tabSelected="1" view="pageBreakPreview" topLeftCell="A17" zoomScaleNormal="100" zoomScaleSheetLayoutView="100" workbookViewId="0">
      <selection activeCell="M22" sqref="M22"/>
    </sheetView>
  </sheetViews>
  <sheetFormatPr defaultColWidth="9" defaultRowHeight="13.2"/>
  <cols>
    <col min="1" max="1" width="3.77734375" style="10" customWidth="1"/>
    <col min="2" max="2" width="9.6640625" style="10" customWidth="1"/>
    <col min="3" max="4" width="10.33203125" style="10" customWidth="1"/>
    <col min="5" max="10" width="9.6640625" style="10" customWidth="1"/>
    <col min="11" max="11" width="9" style="10"/>
    <col min="12" max="12" width="3" style="10" customWidth="1"/>
    <col min="13" max="16384" width="9" style="10"/>
  </cols>
  <sheetData>
    <row r="1" spans="1:12" s="6" customFormat="1" ht="19.5" customHeight="1">
      <c r="A1" s="4"/>
      <c r="B1" s="5" t="s">
        <v>6</v>
      </c>
      <c r="C1" s="19" t="s">
        <v>797</v>
      </c>
      <c r="D1" s="19"/>
      <c r="E1" s="19"/>
      <c r="F1" s="19"/>
      <c r="G1" s="19"/>
      <c r="H1" s="19"/>
      <c r="I1" s="19"/>
      <c r="J1" s="19"/>
      <c r="K1" s="4"/>
      <c r="L1" s="4"/>
    </row>
    <row r="2" spans="1:12" ht="18" customHeight="1">
      <c r="A2" s="7"/>
      <c r="B2" s="8"/>
      <c r="C2" s="9"/>
      <c r="D2" s="9"/>
      <c r="E2" s="9"/>
      <c r="F2" s="9"/>
      <c r="G2" s="9"/>
      <c r="H2" s="7"/>
      <c r="I2" s="7"/>
      <c r="J2" s="7"/>
      <c r="K2" s="7"/>
      <c r="L2" s="7"/>
    </row>
    <row r="3" spans="1:12" ht="35.1" customHeight="1">
      <c r="A3" s="7"/>
      <c r="B3" s="14" t="s">
        <v>5</v>
      </c>
      <c r="C3" s="29" t="s">
        <v>798</v>
      </c>
      <c r="D3" s="29"/>
      <c r="E3" s="30" t="s">
        <v>884</v>
      </c>
      <c r="F3" s="30"/>
      <c r="G3" s="31" t="s">
        <v>796</v>
      </c>
      <c r="H3" s="32"/>
      <c r="I3" s="16" t="s">
        <v>799</v>
      </c>
      <c r="J3" s="7"/>
      <c r="K3" s="7"/>
      <c r="L3" s="7"/>
    </row>
    <row r="4" spans="1:12">
      <c r="A4" s="7"/>
      <c r="B4" s="7"/>
      <c r="C4" s="7"/>
      <c r="D4" s="7"/>
      <c r="E4" s="7"/>
      <c r="F4" s="7"/>
      <c r="G4" s="7"/>
      <c r="H4" s="7"/>
      <c r="I4" s="7"/>
      <c r="J4" s="7"/>
      <c r="K4" s="7"/>
      <c r="L4" s="7"/>
    </row>
    <row r="5" spans="1:12" ht="17.25" customHeight="1">
      <c r="A5" s="7"/>
      <c r="B5" s="7"/>
      <c r="C5" s="7"/>
      <c r="D5" s="7"/>
      <c r="E5" s="7"/>
      <c r="F5" s="7"/>
      <c r="G5" s="7"/>
      <c r="H5" s="7"/>
      <c r="I5" s="7"/>
      <c r="J5" s="7"/>
      <c r="K5" s="7"/>
      <c r="L5" s="7"/>
    </row>
    <row r="6" spans="1:12" ht="64.5" customHeight="1">
      <c r="A6" s="7"/>
      <c r="B6" s="34" t="s">
        <v>883</v>
      </c>
      <c r="C6" s="35"/>
      <c r="D6" s="35"/>
      <c r="E6" s="35"/>
      <c r="F6" s="35"/>
      <c r="G6" s="35"/>
      <c r="H6" s="35"/>
      <c r="I6" s="35"/>
      <c r="J6" s="35"/>
      <c r="K6" s="36"/>
      <c r="L6" s="7"/>
    </row>
    <row r="7" spans="1:12">
      <c r="A7" s="7"/>
      <c r="B7" s="11"/>
      <c r="C7" s="7"/>
      <c r="D7" s="7"/>
      <c r="E7" s="12"/>
      <c r="F7" s="7"/>
      <c r="G7" s="7"/>
      <c r="H7" s="7"/>
      <c r="I7" s="7"/>
      <c r="J7" s="7"/>
      <c r="K7" s="7"/>
      <c r="L7" s="7"/>
    </row>
    <row r="8" spans="1:12" ht="54.75" customHeight="1" thickBot="1">
      <c r="A8" s="7"/>
      <c r="B8" s="15" t="s">
        <v>3</v>
      </c>
      <c r="C8" s="33" t="s">
        <v>0</v>
      </c>
      <c r="D8" s="33"/>
      <c r="E8" s="33" t="s">
        <v>2</v>
      </c>
      <c r="F8" s="33"/>
      <c r="G8" s="33" t="s">
        <v>1</v>
      </c>
      <c r="H8" s="33"/>
      <c r="I8" s="25" t="s">
        <v>4</v>
      </c>
      <c r="J8" s="26"/>
      <c r="K8" s="27"/>
      <c r="L8" s="7"/>
    </row>
    <row r="9" spans="1:12" ht="64.5" customHeight="1" thickTop="1">
      <c r="A9" s="13">
        <v>1</v>
      </c>
      <c r="B9" s="18" t="s">
        <v>867</v>
      </c>
      <c r="C9" s="20" t="s">
        <v>835</v>
      </c>
      <c r="D9" s="20"/>
      <c r="E9" s="20" t="s">
        <v>868</v>
      </c>
      <c r="F9" s="20"/>
      <c r="G9" s="20" t="s">
        <v>836</v>
      </c>
      <c r="H9" s="20"/>
      <c r="I9" s="21" t="s">
        <v>837</v>
      </c>
      <c r="J9" s="21"/>
      <c r="K9" s="22"/>
      <c r="L9" s="7"/>
    </row>
    <row r="10" spans="1:12" ht="67.5" customHeight="1">
      <c r="A10" s="13">
        <v>2</v>
      </c>
      <c r="B10" s="17" t="s">
        <v>867</v>
      </c>
      <c r="C10" s="20" t="s">
        <v>838</v>
      </c>
      <c r="D10" s="20"/>
      <c r="E10" s="20" t="s">
        <v>839</v>
      </c>
      <c r="F10" s="20"/>
      <c r="G10" s="20" t="s">
        <v>840</v>
      </c>
      <c r="H10" s="20"/>
      <c r="I10" s="21" t="s">
        <v>841</v>
      </c>
      <c r="J10" s="21"/>
      <c r="K10" s="22"/>
      <c r="L10" s="7"/>
    </row>
    <row r="11" spans="1:12" ht="75" customHeight="1">
      <c r="A11" s="13">
        <v>3</v>
      </c>
      <c r="B11" s="17" t="s">
        <v>869</v>
      </c>
      <c r="C11" s="28" t="s">
        <v>842</v>
      </c>
      <c r="D11" s="28"/>
      <c r="E11" s="28" t="s">
        <v>870</v>
      </c>
      <c r="F11" s="28"/>
      <c r="G11" s="28" t="s">
        <v>871</v>
      </c>
      <c r="H11" s="28"/>
      <c r="I11" s="23" t="s">
        <v>843</v>
      </c>
      <c r="J11" s="23"/>
      <c r="K11" s="24"/>
      <c r="L11" s="7"/>
    </row>
    <row r="12" spans="1:12" ht="71.25" customHeight="1">
      <c r="A12" s="13">
        <v>4</v>
      </c>
      <c r="B12" s="17" t="s">
        <v>869</v>
      </c>
      <c r="C12" s="20" t="s">
        <v>844</v>
      </c>
      <c r="D12" s="20"/>
      <c r="E12" s="20" t="s">
        <v>872</v>
      </c>
      <c r="F12" s="20"/>
      <c r="G12" s="20" t="s">
        <v>873</v>
      </c>
      <c r="H12" s="20"/>
      <c r="I12" s="21" t="s">
        <v>845</v>
      </c>
      <c r="J12" s="21"/>
      <c r="K12" s="22"/>
      <c r="L12" s="7"/>
    </row>
    <row r="13" spans="1:12" ht="61.5" customHeight="1">
      <c r="A13" s="13">
        <v>5</v>
      </c>
      <c r="B13" s="17" t="s">
        <v>874</v>
      </c>
      <c r="C13" s="20" t="s">
        <v>846</v>
      </c>
      <c r="D13" s="20"/>
      <c r="E13" s="20" t="s">
        <v>875</v>
      </c>
      <c r="F13" s="20"/>
      <c r="G13" s="20" t="s">
        <v>847</v>
      </c>
      <c r="H13" s="20"/>
      <c r="I13" s="21" t="s">
        <v>848</v>
      </c>
      <c r="J13" s="21"/>
      <c r="K13" s="22"/>
      <c r="L13" s="7"/>
    </row>
    <row r="14" spans="1:12" ht="54.75" customHeight="1">
      <c r="A14" s="13">
        <v>6</v>
      </c>
      <c r="B14" s="17" t="s">
        <v>876</v>
      </c>
      <c r="C14" s="20" t="s">
        <v>861</v>
      </c>
      <c r="D14" s="20"/>
      <c r="E14" s="20" t="s">
        <v>849</v>
      </c>
      <c r="F14" s="20"/>
      <c r="G14" s="20" t="s">
        <v>850</v>
      </c>
      <c r="H14" s="20"/>
      <c r="I14" s="21" t="s">
        <v>851</v>
      </c>
      <c r="J14" s="21"/>
      <c r="K14" s="22"/>
      <c r="L14" s="7"/>
    </row>
    <row r="15" spans="1:12" ht="48" customHeight="1">
      <c r="A15" s="13">
        <v>7</v>
      </c>
      <c r="B15" s="17" t="s">
        <v>877</v>
      </c>
      <c r="C15" s="20" t="s">
        <v>862</v>
      </c>
      <c r="D15" s="20"/>
      <c r="E15" s="20" t="s">
        <v>863</v>
      </c>
      <c r="F15" s="20"/>
      <c r="G15" s="20" t="s">
        <v>878</v>
      </c>
      <c r="H15" s="20"/>
      <c r="I15" s="21" t="s">
        <v>853</v>
      </c>
      <c r="J15" s="21"/>
      <c r="K15" s="22"/>
      <c r="L15" s="7"/>
    </row>
    <row r="16" spans="1:12" ht="68.25" customHeight="1">
      <c r="A16" s="13">
        <v>8</v>
      </c>
      <c r="B16" s="17" t="s">
        <v>877</v>
      </c>
      <c r="C16" s="20" t="s">
        <v>854</v>
      </c>
      <c r="D16" s="20"/>
      <c r="E16" s="20" t="s">
        <v>863</v>
      </c>
      <c r="F16" s="20"/>
      <c r="G16" s="20" t="s">
        <v>847</v>
      </c>
      <c r="H16" s="20"/>
      <c r="I16" s="21" t="s">
        <v>855</v>
      </c>
      <c r="J16" s="21"/>
      <c r="K16" s="22"/>
      <c r="L16" s="7"/>
    </row>
    <row r="17" spans="1:12" ht="45" customHeight="1">
      <c r="A17" s="13">
        <v>9</v>
      </c>
      <c r="B17" s="17" t="s">
        <v>877</v>
      </c>
      <c r="C17" s="20" t="s">
        <v>864</v>
      </c>
      <c r="D17" s="20"/>
      <c r="E17" s="20" t="s">
        <v>852</v>
      </c>
      <c r="F17" s="20"/>
      <c r="G17" s="20" t="s">
        <v>847</v>
      </c>
      <c r="H17" s="20"/>
      <c r="I17" s="21" t="s">
        <v>856</v>
      </c>
      <c r="J17" s="21"/>
      <c r="K17" s="22"/>
      <c r="L17" s="7"/>
    </row>
    <row r="18" spans="1:12" ht="67.5" customHeight="1">
      <c r="A18" s="13">
        <v>10</v>
      </c>
      <c r="B18" s="17" t="s">
        <v>877</v>
      </c>
      <c r="C18" s="20" t="s">
        <v>857</v>
      </c>
      <c r="D18" s="20"/>
      <c r="E18" s="20" t="s">
        <v>852</v>
      </c>
      <c r="F18" s="20"/>
      <c r="G18" s="20" t="s">
        <v>847</v>
      </c>
      <c r="H18" s="20"/>
      <c r="I18" s="21" t="s">
        <v>865</v>
      </c>
      <c r="J18" s="21"/>
      <c r="K18" s="22"/>
      <c r="L18" s="7"/>
    </row>
    <row r="19" spans="1:12" ht="45.75" customHeight="1">
      <c r="A19" s="13">
        <v>11</v>
      </c>
      <c r="B19" s="17" t="s">
        <v>877</v>
      </c>
      <c r="C19" s="20" t="s">
        <v>866</v>
      </c>
      <c r="D19" s="20"/>
      <c r="E19" s="20" t="s">
        <v>858</v>
      </c>
      <c r="F19" s="20"/>
      <c r="G19" s="20" t="s">
        <v>847</v>
      </c>
      <c r="H19" s="20"/>
      <c r="I19" s="21" t="s">
        <v>885</v>
      </c>
      <c r="J19" s="21"/>
      <c r="K19" s="22"/>
      <c r="L19" s="7"/>
    </row>
    <row r="20" spans="1:12" ht="64.5" customHeight="1">
      <c r="A20" s="13">
        <v>12</v>
      </c>
      <c r="B20" s="17" t="s">
        <v>879</v>
      </c>
      <c r="C20" s="20" t="s">
        <v>859</v>
      </c>
      <c r="D20" s="20"/>
      <c r="E20" s="20" t="s">
        <v>880</v>
      </c>
      <c r="F20" s="20"/>
      <c r="G20" s="20" t="s">
        <v>840</v>
      </c>
      <c r="H20" s="20"/>
      <c r="I20" s="21" t="s">
        <v>860</v>
      </c>
      <c r="J20" s="21"/>
      <c r="K20" s="22"/>
      <c r="L20" s="7"/>
    </row>
    <row r="21" spans="1:12" ht="30" customHeight="1">
      <c r="A21" s="13">
        <v>13</v>
      </c>
      <c r="B21" s="17" t="s">
        <v>831</v>
      </c>
      <c r="C21" s="20" t="s">
        <v>818</v>
      </c>
      <c r="D21" s="20"/>
      <c r="E21" s="20" t="s">
        <v>819</v>
      </c>
      <c r="F21" s="20"/>
      <c r="G21" s="20" t="s">
        <v>820</v>
      </c>
      <c r="H21" s="20"/>
      <c r="I21" s="21" t="s">
        <v>822</v>
      </c>
      <c r="J21" s="21"/>
      <c r="K21" s="22"/>
      <c r="L21" s="7"/>
    </row>
    <row r="22" spans="1:12" ht="30.75" customHeight="1">
      <c r="A22" s="13">
        <v>14</v>
      </c>
      <c r="B22" s="17" t="s">
        <v>832</v>
      </c>
      <c r="C22" s="20" t="s">
        <v>816</v>
      </c>
      <c r="D22" s="20"/>
      <c r="E22" s="20" t="s">
        <v>817</v>
      </c>
      <c r="F22" s="20"/>
      <c r="G22" s="20" t="s">
        <v>808</v>
      </c>
      <c r="H22" s="20"/>
      <c r="I22" s="21" t="s">
        <v>823</v>
      </c>
      <c r="J22" s="21"/>
      <c r="K22" s="22"/>
      <c r="L22" s="7"/>
    </row>
    <row r="23" spans="1:12" ht="30" customHeight="1">
      <c r="A23" s="13">
        <v>15</v>
      </c>
      <c r="B23" s="17" t="s">
        <v>828</v>
      </c>
      <c r="C23" s="20" t="s">
        <v>800</v>
      </c>
      <c r="D23" s="20"/>
      <c r="E23" s="20" t="s">
        <v>801</v>
      </c>
      <c r="F23" s="20"/>
      <c r="G23" s="20" t="s">
        <v>802</v>
      </c>
      <c r="H23" s="20"/>
      <c r="I23" s="21" t="s">
        <v>821</v>
      </c>
      <c r="J23" s="21"/>
      <c r="K23" s="22"/>
      <c r="L23" s="7"/>
    </row>
    <row r="24" spans="1:12" ht="37.5" customHeight="1">
      <c r="A24" s="13">
        <v>16</v>
      </c>
      <c r="B24" s="17" t="s">
        <v>833</v>
      </c>
      <c r="C24" s="20" t="s">
        <v>809</v>
      </c>
      <c r="D24" s="20"/>
      <c r="E24" s="20" t="s">
        <v>803</v>
      </c>
      <c r="F24" s="20"/>
      <c r="G24" s="20" t="s">
        <v>804</v>
      </c>
      <c r="H24" s="20"/>
      <c r="I24" s="21" t="s">
        <v>824</v>
      </c>
      <c r="J24" s="21"/>
      <c r="K24" s="22"/>
      <c r="L24" s="7"/>
    </row>
    <row r="25" spans="1:12" ht="30" customHeight="1">
      <c r="A25" s="13">
        <v>17</v>
      </c>
      <c r="B25" s="17" t="s">
        <v>829</v>
      </c>
      <c r="C25" s="20" t="s">
        <v>805</v>
      </c>
      <c r="D25" s="20"/>
      <c r="E25" s="20" t="s">
        <v>830</v>
      </c>
      <c r="F25" s="20"/>
      <c r="G25" s="20" t="s">
        <v>806</v>
      </c>
      <c r="H25" s="20"/>
      <c r="I25" s="21" t="s">
        <v>826</v>
      </c>
      <c r="J25" s="21"/>
      <c r="K25" s="22"/>
      <c r="L25" s="7"/>
    </row>
    <row r="26" spans="1:12" ht="30" customHeight="1">
      <c r="A26" s="13">
        <v>18</v>
      </c>
      <c r="B26" s="17" t="s">
        <v>829</v>
      </c>
      <c r="C26" s="20" t="s">
        <v>881</v>
      </c>
      <c r="D26" s="20"/>
      <c r="E26" s="20" t="s">
        <v>807</v>
      </c>
      <c r="F26" s="20"/>
      <c r="G26" s="20" t="s">
        <v>808</v>
      </c>
      <c r="H26" s="20"/>
      <c r="I26" s="21" t="s">
        <v>825</v>
      </c>
      <c r="J26" s="21"/>
      <c r="K26" s="22"/>
      <c r="L26" s="7"/>
    </row>
    <row r="27" spans="1:12" ht="45.75" customHeight="1">
      <c r="A27" s="13">
        <v>19</v>
      </c>
      <c r="B27" s="17" t="s">
        <v>827</v>
      </c>
      <c r="C27" s="20" t="s">
        <v>810</v>
      </c>
      <c r="D27" s="20"/>
      <c r="E27" s="20" t="s">
        <v>811</v>
      </c>
      <c r="F27" s="20"/>
      <c r="G27" s="20" t="s">
        <v>812</v>
      </c>
      <c r="H27" s="20"/>
      <c r="I27" s="21" t="s">
        <v>834</v>
      </c>
      <c r="J27" s="21"/>
      <c r="K27" s="22"/>
      <c r="L27" s="7"/>
    </row>
    <row r="28" spans="1:12" ht="31.5" customHeight="1">
      <c r="A28" s="13">
        <v>20</v>
      </c>
      <c r="B28" s="17" t="s">
        <v>828</v>
      </c>
      <c r="C28" s="20" t="s">
        <v>813</v>
      </c>
      <c r="D28" s="20"/>
      <c r="E28" s="20" t="s">
        <v>814</v>
      </c>
      <c r="F28" s="20"/>
      <c r="G28" s="20" t="s">
        <v>815</v>
      </c>
      <c r="H28" s="20"/>
      <c r="I28" s="21" t="s">
        <v>882</v>
      </c>
      <c r="J28" s="21"/>
      <c r="K28" s="22"/>
      <c r="L28" s="7"/>
    </row>
  </sheetData>
  <mergeCells count="89">
    <mergeCell ref="C28:D28"/>
    <mergeCell ref="E28:F28"/>
    <mergeCell ref="G28:H28"/>
    <mergeCell ref="I28:K28"/>
    <mergeCell ref="C27:D27"/>
    <mergeCell ref="E27:F27"/>
    <mergeCell ref="G27:H27"/>
    <mergeCell ref="I27:K27"/>
    <mergeCell ref="C25:D25"/>
    <mergeCell ref="E25:F25"/>
    <mergeCell ref="G25:H25"/>
    <mergeCell ref="B6:K6"/>
    <mergeCell ref="C26:D26"/>
    <mergeCell ref="E26:F26"/>
    <mergeCell ref="G26:H26"/>
    <mergeCell ref="I26:K26"/>
    <mergeCell ref="I25:K25"/>
    <mergeCell ref="I23:K23"/>
    <mergeCell ref="E24:F24"/>
    <mergeCell ref="C24:D24"/>
    <mergeCell ref="C23:D23"/>
    <mergeCell ref="G24:H24"/>
    <mergeCell ref="I24:K24"/>
    <mergeCell ref="E23:F23"/>
    <mergeCell ref="G23:H23"/>
    <mergeCell ref="I19:K19"/>
    <mergeCell ref="C22:D22"/>
    <mergeCell ref="E22:F22"/>
    <mergeCell ref="G22:H22"/>
    <mergeCell ref="I22:K22"/>
    <mergeCell ref="C20:D20"/>
    <mergeCell ref="I20:K20"/>
    <mergeCell ref="I21:K21"/>
    <mergeCell ref="E20:F20"/>
    <mergeCell ref="G20:H20"/>
    <mergeCell ref="C21:D21"/>
    <mergeCell ref="E21:F21"/>
    <mergeCell ref="G21:H21"/>
    <mergeCell ref="C3:D3"/>
    <mergeCell ref="E3:F3"/>
    <mergeCell ref="G3:H3"/>
    <mergeCell ref="C19:D19"/>
    <mergeCell ref="E19:F19"/>
    <mergeCell ref="G19:H19"/>
    <mergeCell ref="C8:D8"/>
    <mergeCell ref="E8:F8"/>
    <mergeCell ref="G8:H8"/>
    <mergeCell ref="I8:K8"/>
    <mergeCell ref="C18:D18"/>
    <mergeCell ref="E18:F18"/>
    <mergeCell ref="G18:H18"/>
    <mergeCell ref="I18:K18"/>
    <mergeCell ref="C9:D9"/>
    <mergeCell ref="E9:F9"/>
    <mergeCell ref="G9:H9"/>
    <mergeCell ref="I9:K9"/>
    <mergeCell ref="C10:D10"/>
    <mergeCell ref="E10:F10"/>
    <mergeCell ref="G10:H10"/>
    <mergeCell ref="I10:K10"/>
    <mergeCell ref="C11:D11"/>
    <mergeCell ref="E11:F11"/>
    <mergeCell ref="G11:H11"/>
    <mergeCell ref="I11:K11"/>
    <mergeCell ref="I14:K14"/>
    <mergeCell ref="C12:D12"/>
    <mergeCell ref="E12:F12"/>
    <mergeCell ref="G12:H12"/>
    <mergeCell ref="I12:K12"/>
    <mergeCell ref="C13:D13"/>
    <mergeCell ref="E13:F13"/>
    <mergeCell ref="G13:H13"/>
    <mergeCell ref="I13:K13"/>
    <mergeCell ref="C1:J1"/>
    <mergeCell ref="C17:D17"/>
    <mergeCell ref="E17:F17"/>
    <mergeCell ref="G17:H17"/>
    <mergeCell ref="I17:K17"/>
    <mergeCell ref="C16:D16"/>
    <mergeCell ref="E16:F16"/>
    <mergeCell ref="G16:H16"/>
    <mergeCell ref="I16:K16"/>
    <mergeCell ref="C15:D15"/>
    <mergeCell ref="E15:F15"/>
    <mergeCell ref="G15:H15"/>
    <mergeCell ref="I15:K15"/>
    <mergeCell ref="C14:D14"/>
    <mergeCell ref="E14:F14"/>
    <mergeCell ref="G14:H14"/>
  </mergeCells>
  <phoneticPr fontId="1"/>
  <dataValidations count="1">
    <dataValidation imeMode="hiragana" allowBlank="1" showInputMessage="1" showErrorMessage="1" sqref="B6"/>
  </dataValidations>
  <pageMargins left="0.7" right="0.7" top="0.75" bottom="0.75" header="0.3" footer="0.3"/>
  <pageSetup paperSize="9" scale="63"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E111"/>
  <sheetViews>
    <sheetView workbookViewId="0"/>
  </sheetViews>
  <sheetFormatPr defaultRowHeight="13.2"/>
  <cols>
    <col min="1" max="1" width="3.44140625" bestFit="1" customWidth="1"/>
    <col min="2" max="2" width="39.6640625" bestFit="1" customWidth="1"/>
  </cols>
  <sheetData>
    <row r="2" spans="1:5">
      <c r="A2">
        <v>0</v>
      </c>
      <c r="B2" t="s">
        <v>23</v>
      </c>
    </row>
    <row r="3" spans="1:5">
      <c r="A3">
        <v>1</v>
      </c>
      <c r="B3" t="s">
        <v>24</v>
      </c>
    </row>
    <row r="4" spans="1:5">
      <c r="A4">
        <v>2</v>
      </c>
      <c r="B4" t="s">
        <v>25</v>
      </c>
    </row>
    <row r="5" spans="1:5">
      <c r="A5">
        <v>3</v>
      </c>
      <c r="B5" t="s">
        <v>26</v>
      </c>
    </row>
    <row r="6" spans="1:5">
      <c r="A6">
        <v>4</v>
      </c>
      <c r="B6" t="s">
        <v>27</v>
      </c>
    </row>
    <row r="7" spans="1:5">
      <c r="A7">
        <v>5</v>
      </c>
      <c r="B7" t="s">
        <v>32</v>
      </c>
    </row>
    <row r="8" spans="1:5">
      <c r="A8">
        <v>6</v>
      </c>
      <c r="B8" t="s">
        <v>28</v>
      </c>
    </row>
    <row r="9" spans="1:5">
      <c r="A9">
        <v>7</v>
      </c>
      <c r="B9" t="s">
        <v>34</v>
      </c>
    </row>
    <row r="10" spans="1:5">
      <c r="A10">
        <v>8</v>
      </c>
      <c r="B10" t="s">
        <v>29</v>
      </c>
    </row>
    <row r="11" spans="1:5">
      <c r="A11">
        <v>9</v>
      </c>
      <c r="B11" t="s">
        <v>30</v>
      </c>
    </row>
    <row r="12" spans="1:5">
      <c r="A12" s="2" t="s">
        <v>41</v>
      </c>
      <c r="B12" t="s">
        <v>23</v>
      </c>
    </row>
    <row r="13" spans="1:5">
      <c r="A13" s="2" t="s">
        <v>40</v>
      </c>
      <c r="B13" t="s">
        <v>35</v>
      </c>
    </row>
    <row r="14" spans="1:5">
      <c r="A14" s="2" t="s">
        <v>42</v>
      </c>
      <c r="B14" t="s">
        <v>8</v>
      </c>
      <c r="E14" s="1"/>
    </row>
    <row r="15" spans="1:5">
      <c r="A15" s="2" t="s">
        <v>47</v>
      </c>
      <c r="B15" t="s">
        <v>36</v>
      </c>
    </row>
    <row r="16" spans="1:5">
      <c r="A16" s="2" t="s">
        <v>48</v>
      </c>
      <c r="B16" t="s">
        <v>37</v>
      </c>
    </row>
    <row r="17" spans="1:2">
      <c r="A17" s="2" t="s">
        <v>49</v>
      </c>
      <c r="B17" t="s">
        <v>38</v>
      </c>
    </row>
    <row r="18" spans="1:2">
      <c r="A18" s="2" t="s">
        <v>50</v>
      </c>
      <c r="B18" t="s">
        <v>39</v>
      </c>
    </row>
    <row r="19" spans="1:2">
      <c r="A19" s="2" t="s">
        <v>51</v>
      </c>
      <c r="B19" t="s">
        <v>18</v>
      </c>
    </row>
    <row r="20" spans="1:2">
      <c r="A20" s="2" t="s">
        <v>52</v>
      </c>
      <c r="B20" t="s">
        <v>20</v>
      </c>
    </row>
    <row r="21" spans="1:2">
      <c r="A21" s="2" t="s">
        <v>53</v>
      </c>
      <c r="B21" t="s">
        <v>22</v>
      </c>
    </row>
    <row r="22" spans="1:2">
      <c r="A22">
        <v>10</v>
      </c>
      <c r="B22" t="s">
        <v>24</v>
      </c>
    </row>
    <row r="23" spans="1:2">
      <c r="A23">
        <v>11</v>
      </c>
      <c r="B23" t="s">
        <v>7</v>
      </c>
    </row>
    <row r="24" spans="1:2">
      <c r="A24">
        <v>12</v>
      </c>
      <c r="B24" t="s">
        <v>9</v>
      </c>
    </row>
    <row r="25" spans="1:2">
      <c r="A25">
        <v>13</v>
      </c>
      <c r="B25" t="s">
        <v>11</v>
      </c>
    </row>
    <row r="26" spans="1:2">
      <c r="A26">
        <v>14</v>
      </c>
      <c r="B26" t="s">
        <v>13</v>
      </c>
    </row>
    <row r="27" spans="1:2">
      <c r="A27">
        <v>15</v>
      </c>
      <c r="B27" t="s">
        <v>15</v>
      </c>
    </row>
    <row r="28" spans="1:2">
      <c r="A28">
        <v>16</v>
      </c>
      <c r="B28" t="s">
        <v>17</v>
      </c>
    </row>
    <row r="29" spans="1:2">
      <c r="A29">
        <v>17</v>
      </c>
      <c r="B29" t="s">
        <v>19</v>
      </c>
    </row>
    <row r="30" spans="1:2">
      <c r="A30">
        <v>18</v>
      </c>
      <c r="B30" t="s">
        <v>21</v>
      </c>
    </row>
    <row r="31" spans="1:2">
      <c r="A31">
        <v>19</v>
      </c>
      <c r="B31" t="s">
        <v>54</v>
      </c>
    </row>
    <row r="32" spans="1:2">
      <c r="A32">
        <v>20</v>
      </c>
      <c r="B32" t="s">
        <v>55</v>
      </c>
    </row>
    <row r="33" spans="1:2">
      <c r="A33">
        <v>21</v>
      </c>
      <c r="B33" t="s">
        <v>56</v>
      </c>
    </row>
    <row r="34" spans="1:2">
      <c r="A34">
        <v>22</v>
      </c>
      <c r="B34" t="s">
        <v>57</v>
      </c>
    </row>
    <row r="35" spans="1:2">
      <c r="A35">
        <v>23</v>
      </c>
      <c r="B35" t="s">
        <v>58</v>
      </c>
    </row>
    <row r="36" spans="1:2">
      <c r="A36">
        <v>24</v>
      </c>
      <c r="B36" t="s">
        <v>59</v>
      </c>
    </row>
    <row r="37" spans="1:2">
      <c r="A37">
        <v>25</v>
      </c>
      <c r="B37" t="s">
        <v>60</v>
      </c>
    </row>
    <row r="38" spans="1:2">
      <c r="A38">
        <v>26</v>
      </c>
      <c r="B38" t="s">
        <v>61</v>
      </c>
    </row>
    <row r="39" spans="1:2">
      <c r="A39">
        <v>27</v>
      </c>
      <c r="B39" t="s">
        <v>62</v>
      </c>
    </row>
    <row r="40" spans="1:2">
      <c r="A40">
        <v>28</v>
      </c>
      <c r="B40" t="s">
        <v>63</v>
      </c>
    </row>
    <row r="41" spans="1:2">
      <c r="A41">
        <v>29</v>
      </c>
      <c r="B41" t="s">
        <v>64</v>
      </c>
    </row>
    <row r="42" spans="1:2">
      <c r="A42">
        <v>30</v>
      </c>
      <c r="B42" t="s">
        <v>26</v>
      </c>
    </row>
    <row r="43" spans="1:2">
      <c r="A43">
        <v>31</v>
      </c>
      <c r="B43" t="s">
        <v>65</v>
      </c>
    </row>
    <row r="44" spans="1:2">
      <c r="A44">
        <v>32</v>
      </c>
      <c r="B44" t="s">
        <v>66</v>
      </c>
    </row>
    <row r="45" spans="1:2">
      <c r="A45">
        <v>33</v>
      </c>
      <c r="B45" t="s">
        <v>67</v>
      </c>
    </row>
    <row r="46" spans="1:2">
      <c r="A46">
        <v>34</v>
      </c>
      <c r="B46" t="s">
        <v>68</v>
      </c>
    </row>
    <row r="47" spans="1:2">
      <c r="A47">
        <v>35</v>
      </c>
      <c r="B47" t="s">
        <v>69</v>
      </c>
    </row>
    <row r="48" spans="1:2">
      <c r="A48">
        <v>36</v>
      </c>
      <c r="B48" t="s">
        <v>70</v>
      </c>
    </row>
    <row r="49" spans="1:2">
      <c r="A49">
        <v>37</v>
      </c>
      <c r="B49" t="s">
        <v>71</v>
      </c>
    </row>
    <row r="50" spans="1:2">
      <c r="A50">
        <v>38</v>
      </c>
      <c r="B50" t="s">
        <v>72</v>
      </c>
    </row>
    <row r="51" spans="1:2">
      <c r="A51">
        <v>39</v>
      </c>
      <c r="B51" t="s">
        <v>73</v>
      </c>
    </row>
    <row r="52" spans="1:2">
      <c r="A52">
        <v>40</v>
      </c>
      <c r="B52" t="s">
        <v>27</v>
      </c>
    </row>
    <row r="53" spans="1:2">
      <c r="A53">
        <v>41</v>
      </c>
      <c r="B53" t="s">
        <v>74</v>
      </c>
    </row>
    <row r="54" spans="1:2">
      <c r="A54">
        <v>42</v>
      </c>
      <c r="B54" t="s">
        <v>75</v>
      </c>
    </row>
    <row r="55" spans="1:2">
      <c r="A55">
        <v>43</v>
      </c>
      <c r="B55" t="s">
        <v>76</v>
      </c>
    </row>
    <row r="56" spans="1:2">
      <c r="A56">
        <v>44</v>
      </c>
      <c r="B56" t="s">
        <v>77</v>
      </c>
    </row>
    <row r="57" spans="1:2">
      <c r="A57">
        <v>45</v>
      </c>
      <c r="B57" t="s">
        <v>78</v>
      </c>
    </row>
    <row r="58" spans="1:2">
      <c r="A58">
        <v>46</v>
      </c>
      <c r="B58" t="s">
        <v>79</v>
      </c>
    </row>
    <row r="59" spans="1:2">
      <c r="A59">
        <v>47</v>
      </c>
      <c r="B59" t="s">
        <v>82</v>
      </c>
    </row>
    <row r="60" spans="1:2">
      <c r="A60">
        <v>48</v>
      </c>
      <c r="B60" t="s">
        <v>84</v>
      </c>
    </row>
    <row r="61" spans="1:2">
      <c r="A61">
        <v>49</v>
      </c>
      <c r="B61" t="s">
        <v>80</v>
      </c>
    </row>
    <row r="62" spans="1:2">
      <c r="A62">
        <v>50</v>
      </c>
      <c r="B62" t="s">
        <v>31</v>
      </c>
    </row>
    <row r="63" spans="1:2">
      <c r="A63">
        <v>51</v>
      </c>
      <c r="B63" t="s">
        <v>85</v>
      </c>
    </row>
    <row r="64" spans="1:2">
      <c r="A64">
        <v>52</v>
      </c>
      <c r="B64" t="s">
        <v>86</v>
      </c>
    </row>
    <row r="65" spans="1:2">
      <c r="A65">
        <v>53</v>
      </c>
      <c r="B65" t="s">
        <v>87</v>
      </c>
    </row>
    <row r="66" spans="1:2">
      <c r="A66">
        <v>54</v>
      </c>
      <c r="B66" t="s">
        <v>88</v>
      </c>
    </row>
    <row r="67" spans="1:2">
      <c r="A67">
        <v>55</v>
      </c>
      <c r="B67" t="s">
        <v>89</v>
      </c>
    </row>
    <row r="68" spans="1:2">
      <c r="A68">
        <v>56</v>
      </c>
      <c r="B68" t="s">
        <v>90</v>
      </c>
    </row>
    <row r="69" spans="1:2">
      <c r="A69">
        <v>57</v>
      </c>
      <c r="B69" t="s">
        <v>91</v>
      </c>
    </row>
    <row r="70" spans="1:2">
      <c r="A70">
        <v>58</v>
      </c>
      <c r="B70" t="s">
        <v>92</v>
      </c>
    </row>
    <row r="71" spans="1:2">
      <c r="A71">
        <v>59</v>
      </c>
      <c r="B71" t="s">
        <v>93</v>
      </c>
    </row>
    <row r="72" spans="1:2">
      <c r="A72">
        <v>60</v>
      </c>
      <c r="B72" t="s">
        <v>28</v>
      </c>
    </row>
    <row r="73" spans="1:2">
      <c r="A73">
        <v>61</v>
      </c>
      <c r="B73" t="s">
        <v>94</v>
      </c>
    </row>
    <row r="74" spans="1:2">
      <c r="A74">
        <v>62</v>
      </c>
      <c r="B74" t="s">
        <v>95</v>
      </c>
    </row>
    <row r="75" spans="1:2">
      <c r="A75">
        <v>63</v>
      </c>
      <c r="B75" t="s">
        <v>96</v>
      </c>
    </row>
    <row r="76" spans="1:2">
      <c r="A76">
        <v>64</v>
      </c>
      <c r="B76" t="s">
        <v>97</v>
      </c>
    </row>
    <row r="77" spans="1:2">
      <c r="A77">
        <v>65</v>
      </c>
      <c r="B77" t="s">
        <v>98</v>
      </c>
    </row>
    <row r="78" spans="1:2">
      <c r="A78">
        <v>66</v>
      </c>
      <c r="B78" t="s">
        <v>99</v>
      </c>
    </row>
    <row r="79" spans="1:2">
      <c r="A79">
        <v>67</v>
      </c>
      <c r="B79" t="s">
        <v>100</v>
      </c>
    </row>
    <row r="80" spans="1:2">
      <c r="A80">
        <v>68</v>
      </c>
      <c r="B80" t="s">
        <v>101</v>
      </c>
    </row>
    <row r="81" spans="1:2">
      <c r="A81">
        <v>69</v>
      </c>
      <c r="B81" t="s">
        <v>102</v>
      </c>
    </row>
    <row r="82" spans="1:2">
      <c r="A82">
        <v>70</v>
      </c>
      <c r="B82" t="s">
        <v>33</v>
      </c>
    </row>
    <row r="83" spans="1:2">
      <c r="A83">
        <v>71</v>
      </c>
      <c r="B83" t="s">
        <v>103</v>
      </c>
    </row>
    <row r="84" spans="1:2">
      <c r="A84">
        <v>72</v>
      </c>
      <c r="B84" t="s">
        <v>104</v>
      </c>
    </row>
    <row r="85" spans="1:2">
      <c r="A85">
        <v>73</v>
      </c>
      <c r="B85" t="s">
        <v>105</v>
      </c>
    </row>
    <row r="86" spans="1:2">
      <c r="A86">
        <v>74</v>
      </c>
      <c r="B86" t="s">
        <v>106</v>
      </c>
    </row>
    <row r="87" spans="1:2">
      <c r="A87">
        <v>75</v>
      </c>
      <c r="B87" t="s">
        <v>107</v>
      </c>
    </row>
    <row r="88" spans="1:2">
      <c r="A88">
        <v>76</v>
      </c>
      <c r="B88" t="s">
        <v>108</v>
      </c>
    </row>
    <row r="89" spans="1:2">
      <c r="A89">
        <v>77</v>
      </c>
      <c r="B89" t="s">
        <v>109</v>
      </c>
    </row>
    <row r="90" spans="1:2">
      <c r="A90">
        <v>78</v>
      </c>
      <c r="B90" t="s">
        <v>110</v>
      </c>
    </row>
    <row r="91" spans="1:2">
      <c r="A91">
        <v>79</v>
      </c>
      <c r="B91" t="s">
        <v>111</v>
      </c>
    </row>
    <row r="92" spans="1:2">
      <c r="A92">
        <v>80</v>
      </c>
      <c r="B92" t="s">
        <v>29</v>
      </c>
    </row>
    <row r="93" spans="1:2">
      <c r="A93">
        <v>81</v>
      </c>
      <c r="B93" t="s">
        <v>112</v>
      </c>
    </row>
    <row r="94" spans="1:2">
      <c r="A94">
        <v>82</v>
      </c>
      <c r="B94" t="s">
        <v>113</v>
      </c>
    </row>
    <row r="95" spans="1:2">
      <c r="A95">
        <v>83</v>
      </c>
      <c r="B95" t="s">
        <v>114</v>
      </c>
    </row>
    <row r="96" spans="1:2">
      <c r="A96">
        <v>84</v>
      </c>
      <c r="B96" t="s">
        <v>115</v>
      </c>
    </row>
    <row r="97" spans="1:2">
      <c r="A97">
        <v>85</v>
      </c>
      <c r="B97" t="s">
        <v>116</v>
      </c>
    </row>
    <row r="98" spans="1:2">
      <c r="A98">
        <v>86</v>
      </c>
      <c r="B98" t="s">
        <v>117</v>
      </c>
    </row>
    <row r="99" spans="1:2">
      <c r="A99">
        <v>87</v>
      </c>
      <c r="B99" t="s">
        <v>118</v>
      </c>
    </row>
    <row r="100" spans="1:2">
      <c r="A100">
        <v>88</v>
      </c>
      <c r="B100" t="s">
        <v>119</v>
      </c>
    </row>
    <row r="101" spans="1:2">
      <c r="A101">
        <v>89</v>
      </c>
      <c r="B101" t="s">
        <v>120</v>
      </c>
    </row>
    <row r="102" spans="1:2">
      <c r="A102">
        <v>90</v>
      </c>
      <c r="B102" t="s">
        <v>30</v>
      </c>
    </row>
    <row r="103" spans="1:2">
      <c r="A103">
        <v>91</v>
      </c>
      <c r="B103" t="s">
        <v>121</v>
      </c>
    </row>
    <row r="104" spans="1:2">
      <c r="A104">
        <v>92</v>
      </c>
      <c r="B104" t="s">
        <v>122</v>
      </c>
    </row>
    <row r="105" spans="1:2">
      <c r="A105">
        <v>93</v>
      </c>
      <c r="B105" t="s">
        <v>123</v>
      </c>
    </row>
    <row r="106" spans="1:2">
      <c r="A106">
        <v>94</v>
      </c>
      <c r="B106" t="s">
        <v>124</v>
      </c>
    </row>
    <row r="107" spans="1:2">
      <c r="A107">
        <v>95</v>
      </c>
      <c r="B107" t="s">
        <v>125</v>
      </c>
    </row>
    <row r="108" spans="1:2">
      <c r="A108">
        <v>96</v>
      </c>
      <c r="B108" t="s">
        <v>126</v>
      </c>
    </row>
    <row r="109" spans="1:2">
      <c r="A109">
        <v>97</v>
      </c>
      <c r="B109" t="s">
        <v>127</v>
      </c>
    </row>
    <row r="110" spans="1:2">
      <c r="A110">
        <v>98</v>
      </c>
      <c r="B110" t="s">
        <v>128</v>
      </c>
    </row>
    <row r="111" spans="1:2">
      <c r="A111">
        <v>99</v>
      </c>
      <c r="B111" t="s">
        <v>129</v>
      </c>
    </row>
  </sheetData>
  <phoneticPr fontId="1"/>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1001"/>
  <sheetViews>
    <sheetView workbookViewId="0"/>
  </sheetViews>
  <sheetFormatPr defaultRowHeight="13.2"/>
  <cols>
    <col min="1" max="1" width="4.44140625" bestFit="1" customWidth="1"/>
    <col min="2" max="2" width="39.6640625" bestFit="1" customWidth="1"/>
  </cols>
  <sheetData>
    <row r="2" spans="1:2">
      <c r="A2" s="2">
        <v>0</v>
      </c>
      <c r="B2" t="s">
        <v>23</v>
      </c>
    </row>
    <row r="3" spans="1:2">
      <c r="A3" s="2">
        <v>1</v>
      </c>
    </row>
    <row r="4" spans="1:2">
      <c r="A4" s="2">
        <v>2</v>
      </c>
      <c r="B4" t="s">
        <v>130</v>
      </c>
    </row>
    <row r="5" spans="1:2">
      <c r="A5" s="2">
        <v>3</v>
      </c>
    </row>
    <row r="6" spans="1:2">
      <c r="A6" s="2">
        <v>4</v>
      </c>
    </row>
    <row r="7" spans="1:2">
      <c r="A7" s="2">
        <v>5</v>
      </c>
    </row>
    <row r="8" spans="1:2">
      <c r="A8" s="2">
        <v>6</v>
      </c>
    </row>
    <row r="9" spans="1:2">
      <c r="A9" s="2">
        <v>7</v>
      </c>
      <c r="B9" t="s">
        <v>131</v>
      </c>
    </row>
    <row r="10" spans="1:2">
      <c r="A10" s="2">
        <v>8</v>
      </c>
    </row>
    <row r="11" spans="1:2">
      <c r="A11" s="2">
        <v>9</v>
      </c>
    </row>
    <row r="12" spans="1:2">
      <c r="A12" s="2">
        <v>10</v>
      </c>
      <c r="B12" t="s">
        <v>35</v>
      </c>
    </row>
    <row r="13" spans="1:2">
      <c r="A13" s="2">
        <v>11</v>
      </c>
      <c r="B13" t="s">
        <v>132</v>
      </c>
    </row>
    <row r="14" spans="1:2">
      <c r="A14" s="2">
        <v>12</v>
      </c>
      <c r="B14" t="s">
        <v>133</v>
      </c>
    </row>
    <row r="15" spans="1:2">
      <c r="A15" s="2">
        <v>13</v>
      </c>
      <c r="B15" t="s">
        <v>134</v>
      </c>
    </row>
    <row r="16" spans="1:2">
      <c r="A16" s="2">
        <v>14</v>
      </c>
      <c r="B16" t="s">
        <v>135</v>
      </c>
    </row>
    <row r="17" spans="1:2">
      <c r="A17" s="2">
        <v>15</v>
      </c>
      <c r="B17" t="s">
        <v>136</v>
      </c>
    </row>
    <row r="18" spans="1:2">
      <c r="A18" s="2">
        <v>16</v>
      </c>
      <c r="B18" t="s">
        <v>137</v>
      </c>
    </row>
    <row r="19" spans="1:2">
      <c r="A19" s="2">
        <v>17</v>
      </c>
      <c r="B19" t="s">
        <v>138</v>
      </c>
    </row>
    <row r="20" spans="1:2">
      <c r="A20" s="2">
        <v>18</v>
      </c>
      <c r="B20" t="s">
        <v>139</v>
      </c>
    </row>
    <row r="21" spans="1:2">
      <c r="A21" s="2">
        <v>19</v>
      </c>
      <c r="B21" t="s">
        <v>140</v>
      </c>
    </row>
    <row r="22" spans="1:2">
      <c r="A22" s="2">
        <v>20</v>
      </c>
      <c r="B22" t="s">
        <v>8</v>
      </c>
    </row>
    <row r="23" spans="1:2">
      <c r="A23" s="2">
        <v>21</v>
      </c>
      <c r="B23" t="s">
        <v>141</v>
      </c>
    </row>
    <row r="24" spans="1:2">
      <c r="A24" s="2">
        <v>22</v>
      </c>
      <c r="B24" t="s">
        <v>142</v>
      </c>
    </row>
    <row r="25" spans="1:2">
      <c r="A25" s="2">
        <v>23</v>
      </c>
      <c r="B25" t="s">
        <v>143</v>
      </c>
    </row>
    <row r="26" spans="1:2">
      <c r="A26" s="2">
        <v>24</v>
      </c>
      <c r="B26" t="s">
        <v>144</v>
      </c>
    </row>
    <row r="27" spans="1:2">
      <c r="A27" s="2">
        <v>25</v>
      </c>
      <c r="B27" t="s">
        <v>145</v>
      </c>
    </row>
    <row r="28" spans="1:2">
      <c r="A28" s="2">
        <v>26</v>
      </c>
      <c r="B28" t="s">
        <v>146</v>
      </c>
    </row>
    <row r="29" spans="1:2">
      <c r="A29" s="2">
        <v>27</v>
      </c>
      <c r="B29" t="s">
        <v>147</v>
      </c>
    </row>
    <row r="30" spans="1:2">
      <c r="A30" s="2">
        <v>28</v>
      </c>
      <c r="B30" t="s">
        <v>148</v>
      </c>
    </row>
    <row r="31" spans="1:2">
      <c r="A31" s="2">
        <v>29</v>
      </c>
      <c r="B31" t="s">
        <v>149</v>
      </c>
    </row>
    <row r="32" spans="1:2">
      <c r="A32" s="2">
        <v>30</v>
      </c>
      <c r="B32" t="s">
        <v>10</v>
      </c>
    </row>
    <row r="33" spans="1:2">
      <c r="A33" s="2">
        <v>31</v>
      </c>
      <c r="B33" t="s">
        <v>112</v>
      </c>
    </row>
    <row r="34" spans="1:2">
      <c r="A34" s="2">
        <v>32</v>
      </c>
      <c r="B34" t="s">
        <v>150</v>
      </c>
    </row>
    <row r="35" spans="1:2">
      <c r="A35" s="2">
        <v>33</v>
      </c>
      <c r="B35" t="s">
        <v>114</v>
      </c>
    </row>
    <row r="36" spans="1:2">
      <c r="A36" s="2">
        <v>34</v>
      </c>
      <c r="B36" t="s">
        <v>151</v>
      </c>
    </row>
    <row r="37" spans="1:2">
      <c r="A37" s="2">
        <v>35</v>
      </c>
      <c r="B37" t="s">
        <v>152</v>
      </c>
    </row>
    <row r="38" spans="1:2">
      <c r="A38" s="2">
        <v>36</v>
      </c>
      <c r="B38" t="s">
        <v>153</v>
      </c>
    </row>
    <row r="39" spans="1:2">
      <c r="A39" s="2">
        <v>37</v>
      </c>
      <c r="B39" t="s">
        <v>154</v>
      </c>
    </row>
    <row r="40" spans="1:2">
      <c r="A40" s="2">
        <v>38</v>
      </c>
      <c r="B40" t="s">
        <v>155</v>
      </c>
    </row>
    <row r="41" spans="1:2">
      <c r="A41" s="2">
        <v>39</v>
      </c>
      <c r="B41" t="s">
        <v>43</v>
      </c>
    </row>
    <row r="42" spans="1:2">
      <c r="A42" s="2">
        <v>40</v>
      </c>
      <c r="B42" t="s">
        <v>12</v>
      </c>
    </row>
    <row r="43" spans="1:2">
      <c r="A43" s="2">
        <v>41</v>
      </c>
      <c r="B43" t="s">
        <v>112</v>
      </c>
    </row>
    <row r="44" spans="1:2">
      <c r="A44" s="2">
        <v>42</v>
      </c>
      <c r="B44" t="s">
        <v>150</v>
      </c>
    </row>
    <row r="45" spans="1:2">
      <c r="A45" s="2">
        <v>43</v>
      </c>
      <c r="B45" t="s">
        <v>114</v>
      </c>
    </row>
    <row r="46" spans="1:2">
      <c r="A46" s="2">
        <v>44</v>
      </c>
      <c r="B46" t="s">
        <v>151</v>
      </c>
    </row>
    <row r="47" spans="1:2">
      <c r="A47" s="2">
        <v>45</v>
      </c>
      <c r="B47" t="s">
        <v>152</v>
      </c>
    </row>
    <row r="48" spans="1:2">
      <c r="A48" s="2">
        <v>46</v>
      </c>
      <c r="B48" t="s">
        <v>153</v>
      </c>
    </row>
    <row r="49" spans="1:2">
      <c r="A49" s="2">
        <v>47</v>
      </c>
      <c r="B49" t="s">
        <v>154</v>
      </c>
    </row>
    <row r="50" spans="1:2">
      <c r="A50" s="2">
        <v>48</v>
      </c>
      <c r="B50" t="s">
        <v>155</v>
      </c>
    </row>
    <row r="51" spans="1:2">
      <c r="A51" s="2">
        <v>49</v>
      </c>
      <c r="B51" t="s">
        <v>44</v>
      </c>
    </row>
    <row r="52" spans="1:2">
      <c r="A52" s="2">
        <v>50</v>
      </c>
      <c r="B52" t="s">
        <v>14</v>
      </c>
    </row>
    <row r="53" spans="1:2">
      <c r="A53" s="2">
        <v>51</v>
      </c>
      <c r="B53" t="s">
        <v>156</v>
      </c>
    </row>
    <row r="54" spans="1:2">
      <c r="A54" s="2">
        <v>52</v>
      </c>
      <c r="B54" t="s">
        <v>150</v>
      </c>
    </row>
    <row r="55" spans="1:2">
      <c r="A55" s="2">
        <v>53</v>
      </c>
      <c r="B55" t="s">
        <v>114</v>
      </c>
    </row>
    <row r="56" spans="1:2">
      <c r="A56" s="2">
        <v>54</v>
      </c>
      <c r="B56" t="s">
        <v>151</v>
      </c>
    </row>
    <row r="57" spans="1:2">
      <c r="A57" s="2">
        <v>55</v>
      </c>
      <c r="B57" t="s">
        <v>152</v>
      </c>
    </row>
    <row r="58" spans="1:2">
      <c r="A58" s="2">
        <v>56</v>
      </c>
      <c r="B58" t="s">
        <v>153</v>
      </c>
    </row>
    <row r="59" spans="1:2">
      <c r="A59" s="2">
        <v>57</v>
      </c>
      <c r="B59" t="s">
        <v>154</v>
      </c>
    </row>
    <row r="60" spans="1:2">
      <c r="A60" s="2">
        <v>58</v>
      </c>
      <c r="B60" t="s">
        <v>155</v>
      </c>
    </row>
    <row r="61" spans="1:2">
      <c r="A61" s="2">
        <v>59</v>
      </c>
      <c r="B61" t="s">
        <v>45</v>
      </c>
    </row>
    <row r="62" spans="1:2">
      <c r="A62" s="2">
        <v>60</v>
      </c>
      <c r="B62" t="s">
        <v>16</v>
      </c>
    </row>
    <row r="63" spans="1:2">
      <c r="A63" s="2">
        <v>61</v>
      </c>
      <c r="B63" t="s">
        <v>157</v>
      </c>
    </row>
    <row r="64" spans="1:2">
      <c r="A64" s="2">
        <v>62</v>
      </c>
    </row>
    <row r="65" spans="1:2">
      <c r="A65" s="2">
        <v>63</v>
      </c>
      <c r="B65" t="s">
        <v>158</v>
      </c>
    </row>
    <row r="66" spans="1:2">
      <c r="A66" s="2">
        <v>64</v>
      </c>
    </row>
    <row r="67" spans="1:2">
      <c r="A67" s="2">
        <v>65</v>
      </c>
      <c r="B67" t="s">
        <v>159</v>
      </c>
    </row>
    <row r="68" spans="1:2">
      <c r="A68" s="2">
        <v>66</v>
      </c>
    </row>
    <row r="69" spans="1:2">
      <c r="A69" s="2">
        <v>67</v>
      </c>
    </row>
    <row r="70" spans="1:2">
      <c r="A70" s="2">
        <v>68</v>
      </c>
    </row>
    <row r="71" spans="1:2">
      <c r="A71" s="2">
        <v>69</v>
      </c>
      <c r="B71" t="s">
        <v>46</v>
      </c>
    </row>
    <row r="72" spans="1:2">
      <c r="A72" s="2">
        <v>70</v>
      </c>
      <c r="B72" t="s">
        <v>160</v>
      </c>
    </row>
    <row r="73" spans="1:2">
      <c r="A73" s="2">
        <v>71</v>
      </c>
      <c r="B73" t="s">
        <v>161</v>
      </c>
    </row>
    <row r="74" spans="1:2">
      <c r="A74" s="2">
        <v>72</v>
      </c>
      <c r="B74" t="s">
        <v>162</v>
      </c>
    </row>
    <row r="75" spans="1:2">
      <c r="A75" s="2">
        <v>73</v>
      </c>
      <c r="B75" t="s">
        <v>163</v>
      </c>
    </row>
    <row r="76" spans="1:2">
      <c r="A76" s="2">
        <v>74</v>
      </c>
      <c r="B76" t="s">
        <v>164</v>
      </c>
    </row>
    <row r="77" spans="1:2">
      <c r="A77" s="2">
        <v>75</v>
      </c>
      <c r="B77" t="s">
        <v>165</v>
      </c>
    </row>
    <row r="78" spans="1:2">
      <c r="A78" s="2">
        <v>76</v>
      </c>
      <c r="B78" t="s">
        <v>166</v>
      </c>
    </row>
    <row r="79" spans="1:2">
      <c r="A79" s="2">
        <v>77</v>
      </c>
      <c r="B79" t="s">
        <v>167</v>
      </c>
    </row>
    <row r="80" spans="1:2">
      <c r="A80" s="2">
        <v>78</v>
      </c>
    </row>
    <row r="81" spans="1:2">
      <c r="A81" s="2">
        <v>79</v>
      </c>
    </row>
    <row r="82" spans="1:2">
      <c r="A82" s="2">
        <v>80</v>
      </c>
      <c r="B82" t="s">
        <v>20</v>
      </c>
    </row>
    <row r="83" spans="1:2">
      <c r="A83" s="2">
        <v>81</v>
      </c>
      <c r="B83" t="s">
        <v>112</v>
      </c>
    </row>
    <row r="84" spans="1:2">
      <c r="A84" s="2">
        <v>82</v>
      </c>
      <c r="B84" t="s">
        <v>150</v>
      </c>
    </row>
    <row r="85" spans="1:2">
      <c r="A85" s="2">
        <v>83</v>
      </c>
      <c r="B85" t="s">
        <v>114</v>
      </c>
    </row>
    <row r="86" spans="1:2">
      <c r="A86" s="2">
        <v>84</v>
      </c>
      <c r="B86" t="s">
        <v>151</v>
      </c>
    </row>
    <row r="87" spans="1:2">
      <c r="A87" s="2">
        <v>85</v>
      </c>
      <c r="B87" t="s">
        <v>152</v>
      </c>
    </row>
    <row r="88" spans="1:2">
      <c r="A88" s="2">
        <v>86</v>
      </c>
      <c r="B88" t="s">
        <v>153</v>
      </c>
    </row>
    <row r="89" spans="1:2">
      <c r="A89" s="2">
        <v>87</v>
      </c>
      <c r="B89" t="s">
        <v>154</v>
      </c>
    </row>
    <row r="90" spans="1:2">
      <c r="A90" s="2">
        <v>88</v>
      </c>
      <c r="B90" t="s">
        <v>155</v>
      </c>
    </row>
    <row r="91" spans="1:2">
      <c r="A91" s="2">
        <v>89</v>
      </c>
      <c r="B91" t="s">
        <v>120</v>
      </c>
    </row>
    <row r="92" spans="1:2">
      <c r="A92" s="2">
        <v>90</v>
      </c>
      <c r="B92" t="s">
        <v>22</v>
      </c>
    </row>
    <row r="93" spans="1:2">
      <c r="A93" s="2">
        <v>91</v>
      </c>
    </row>
    <row r="94" spans="1:2">
      <c r="A94" s="2">
        <v>92</v>
      </c>
    </row>
    <row r="95" spans="1:2">
      <c r="A95" s="2">
        <v>93</v>
      </c>
    </row>
    <row r="96" spans="1:2">
      <c r="A96" s="2">
        <v>94</v>
      </c>
    </row>
    <row r="97" spans="1:2">
      <c r="A97" s="2">
        <v>95</v>
      </c>
    </row>
    <row r="98" spans="1:2">
      <c r="A98" s="2">
        <v>96</v>
      </c>
    </row>
    <row r="99" spans="1:2">
      <c r="A99" s="2">
        <v>97</v>
      </c>
    </row>
    <row r="100" spans="1:2">
      <c r="A100" s="2">
        <v>98</v>
      </c>
    </row>
    <row r="101" spans="1:2">
      <c r="A101" s="2">
        <v>99</v>
      </c>
    </row>
    <row r="102" spans="1:2">
      <c r="A102" s="3">
        <v>100</v>
      </c>
      <c r="B102" t="s">
        <v>24</v>
      </c>
    </row>
    <row r="103" spans="1:2">
      <c r="A103" s="3">
        <v>101</v>
      </c>
      <c r="B103" t="s">
        <v>168</v>
      </c>
    </row>
    <row r="104" spans="1:2">
      <c r="A104" s="3">
        <v>102</v>
      </c>
      <c r="B104" t="s">
        <v>169</v>
      </c>
    </row>
    <row r="105" spans="1:2">
      <c r="A105" s="3">
        <v>103</v>
      </c>
      <c r="B105" t="s">
        <v>170</v>
      </c>
    </row>
    <row r="106" spans="1:2">
      <c r="A106" s="3">
        <v>104</v>
      </c>
      <c r="B106" t="s">
        <v>171</v>
      </c>
    </row>
    <row r="107" spans="1:2">
      <c r="A107" s="3">
        <v>105</v>
      </c>
      <c r="B107" t="s">
        <v>14</v>
      </c>
    </row>
    <row r="108" spans="1:2">
      <c r="A108" s="3">
        <v>106</v>
      </c>
      <c r="B108" t="s">
        <v>16</v>
      </c>
    </row>
    <row r="109" spans="1:2">
      <c r="A109" s="3">
        <v>107</v>
      </c>
      <c r="B109" t="s">
        <v>172</v>
      </c>
    </row>
    <row r="110" spans="1:2">
      <c r="A110" s="3">
        <v>108</v>
      </c>
      <c r="B110" t="s">
        <v>20</v>
      </c>
    </row>
    <row r="111" spans="1:2">
      <c r="A111" s="3">
        <v>109</v>
      </c>
    </row>
    <row r="112" spans="1:2">
      <c r="A112" s="3">
        <v>110</v>
      </c>
      <c r="B112" t="s">
        <v>7</v>
      </c>
    </row>
    <row r="113" spans="1:3">
      <c r="A113" s="3">
        <v>111</v>
      </c>
      <c r="B113" t="s">
        <v>173</v>
      </c>
    </row>
    <row r="114" spans="1:3">
      <c r="A114" s="3">
        <v>112</v>
      </c>
      <c r="B114" t="s">
        <v>174</v>
      </c>
    </row>
    <row r="115" spans="1:3">
      <c r="A115" s="3">
        <v>113</v>
      </c>
      <c r="B115" t="s">
        <v>175</v>
      </c>
    </row>
    <row r="116" spans="1:3">
      <c r="A116" s="3">
        <v>114</v>
      </c>
      <c r="B116" t="s">
        <v>176</v>
      </c>
    </row>
    <row r="117" spans="1:3">
      <c r="A117" s="3">
        <v>115</v>
      </c>
      <c r="B117" t="s">
        <v>177</v>
      </c>
    </row>
    <row r="118" spans="1:3">
      <c r="A118" s="3">
        <v>116</v>
      </c>
      <c r="B118" t="s">
        <v>178</v>
      </c>
    </row>
    <row r="119" spans="1:3">
      <c r="A119" s="3">
        <v>117</v>
      </c>
      <c r="B119" t="s">
        <v>179</v>
      </c>
    </row>
    <row r="120" spans="1:3">
      <c r="A120" s="3">
        <v>118</v>
      </c>
      <c r="B120" t="s">
        <v>180</v>
      </c>
    </row>
    <row r="121" spans="1:3">
      <c r="A121" s="3" t="s">
        <v>182</v>
      </c>
      <c r="B121" t="s">
        <v>181</v>
      </c>
      <c r="C121">
        <v>701</v>
      </c>
    </row>
    <row r="122" spans="1:3">
      <c r="A122" s="3">
        <v>120</v>
      </c>
      <c r="B122" t="s">
        <v>9</v>
      </c>
    </row>
    <row r="123" spans="1:3">
      <c r="A123" s="3">
        <v>121</v>
      </c>
      <c r="B123" t="s">
        <v>183</v>
      </c>
    </row>
    <row r="124" spans="1:3">
      <c r="A124" s="3">
        <v>122</v>
      </c>
      <c r="B124" t="s">
        <v>184</v>
      </c>
    </row>
    <row r="125" spans="1:3">
      <c r="A125" s="3">
        <v>123</v>
      </c>
      <c r="B125" t="s">
        <v>185</v>
      </c>
    </row>
    <row r="126" spans="1:3">
      <c r="A126" s="3">
        <v>124</v>
      </c>
      <c r="B126" t="s">
        <v>186</v>
      </c>
    </row>
    <row r="127" spans="1:3">
      <c r="A127" s="3">
        <v>125</v>
      </c>
      <c r="B127" t="s">
        <v>187</v>
      </c>
    </row>
    <row r="128" spans="1:3">
      <c r="A128" s="3">
        <v>126</v>
      </c>
      <c r="B128" t="s">
        <v>188</v>
      </c>
    </row>
    <row r="129" spans="1:2">
      <c r="A129" s="3">
        <v>127</v>
      </c>
    </row>
    <row r="130" spans="1:2">
      <c r="A130" s="3">
        <v>128</v>
      </c>
    </row>
    <row r="131" spans="1:2">
      <c r="A131" s="3">
        <v>129</v>
      </c>
      <c r="B131" t="s">
        <v>189</v>
      </c>
    </row>
    <row r="132" spans="1:2">
      <c r="A132" s="3">
        <v>130</v>
      </c>
      <c r="B132" t="s">
        <v>11</v>
      </c>
    </row>
    <row r="133" spans="1:2">
      <c r="A133" s="3">
        <v>131</v>
      </c>
      <c r="B133" t="s">
        <v>190</v>
      </c>
    </row>
    <row r="134" spans="1:2">
      <c r="A134" s="3">
        <v>132</v>
      </c>
      <c r="B134" t="s">
        <v>191</v>
      </c>
    </row>
    <row r="135" spans="1:2">
      <c r="A135" s="3">
        <v>133</v>
      </c>
      <c r="B135" t="s">
        <v>192</v>
      </c>
    </row>
    <row r="136" spans="1:2">
      <c r="A136" s="3">
        <v>134</v>
      </c>
      <c r="B136" t="s">
        <v>193</v>
      </c>
    </row>
    <row r="137" spans="1:2">
      <c r="A137" s="3">
        <v>135</v>
      </c>
      <c r="B137" t="s">
        <v>194</v>
      </c>
    </row>
    <row r="138" spans="1:2">
      <c r="A138" s="3">
        <v>136</v>
      </c>
      <c r="B138" t="s">
        <v>195</v>
      </c>
    </row>
    <row r="139" spans="1:2">
      <c r="A139" s="3">
        <v>137</v>
      </c>
      <c r="B139" t="s">
        <v>196</v>
      </c>
    </row>
    <row r="140" spans="1:2">
      <c r="A140" s="3">
        <v>138</v>
      </c>
      <c r="B140" t="s">
        <v>197</v>
      </c>
    </row>
    <row r="141" spans="1:2">
      <c r="A141" s="3">
        <v>139</v>
      </c>
      <c r="B141" t="s">
        <v>198</v>
      </c>
    </row>
    <row r="142" spans="1:2">
      <c r="A142" s="3">
        <v>140</v>
      </c>
      <c r="B142" t="s">
        <v>13</v>
      </c>
    </row>
    <row r="143" spans="1:2">
      <c r="A143" s="3">
        <v>141</v>
      </c>
      <c r="B143" t="s">
        <v>199</v>
      </c>
    </row>
    <row r="144" spans="1:2">
      <c r="A144" s="3">
        <v>142</v>
      </c>
    </row>
    <row r="145" spans="1:3">
      <c r="A145" s="3">
        <v>143</v>
      </c>
      <c r="B145" t="s">
        <v>200</v>
      </c>
    </row>
    <row r="146" spans="1:3">
      <c r="A146" s="3">
        <v>144</v>
      </c>
    </row>
    <row r="147" spans="1:3">
      <c r="A147" s="3">
        <v>145</v>
      </c>
      <c r="B147" t="s">
        <v>201</v>
      </c>
    </row>
    <row r="148" spans="1:3">
      <c r="A148" s="3">
        <v>146</v>
      </c>
      <c r="B148" t="s">
        <v>202</v>
      </c>
    </row>
    <row r="149" spans="1:3">
      <c r="A149" s="3">
        <v>147</v>
      </c>
      <c r="B149" t="s">
        <v>203</v>
      </c>
    </row>
    <row r="150" spans="1:3">
      <c r="A150" s="3">
        <v>148</v>
      </c>
      <c r="B150" t="s">
        <v>204</v>
      </c>
    </row>
    <row r="151" spans="1:3">
      <c r="A151" s="3" t="s">
        <v>205</v>
      </c>
      <c r="B151" t="s">
        <v>206</v>
      </c>
      <c r="C151">
        <v>140</v>
      </c>
    </row>
    <row r="152" spans="1:3">
      <c r="A152" s="3">
        <v>150</v>
      </c>
      <c r="B152" t="s">
        <v>15</v>
      </c>
    </row>
    <row r="153" spans="1:3">
      <c r="A153" s="3">
        <v>151</v>
      </c>
      <c r="B153" t="s">
        <v>207</v>
      </c>
    </row>
    <row r="154" spans="1:3">
      <c r="A154" s="3">
        <v>152</v>
      </c>
      <c r="B154" t="s">
        <v>208</v>
      </c>
    </row>
    <row r="155" spans="1:3">
      <c r="A155" s="3">
        <v>153</v>
      </c>
      <c r="B155" t="s">
        <v>209</v>
      </c>
    </row>
    <row r="156" spans="1:3">
      <c r="A156" s="3">
        <v>154</v>
      </c>
      <c r="B156" t="s">
        <v>210</v>
      </c>
    </row>
    <row r="157" spans="1:3">
      <c r="A157" s="3">
        <v>155</v>
      </c>
      <c r="B157" t="s">
        <v>211</v>
      </c>
    </row>
    <row r="158" spans="1:3">
      <c r="A158" s="3">
        <v>156</v>
      </c>
      <c r="B158" t="s">
        <v>212</v>
      </c>
    </row>
    <row r="159" spans="1:3">
      <c r="A159" s="3">
        <v>157</v>
      </c>
      <c r="B159" t="s">
        <v>213</v>
      </c>
    </row>
    <row r="160" spans="1:3">
      <c r="A160" s="3">
        <v>158</v>
      </c>
      <c r="B160" t="s">
        <v>214</v>
      </c>
    </row>
    <row r="161" spans="1:2">
      <c r="A161" s="3">
        <v>159</v>
      </c>
      <c r="B161" t="s">
        <v>215</v>
      </c>
    </row>
    <row r="162" spans="1:2">
      <c r="A162" s="3">
        <v>160</v>
      </c>
      <c r="B162" t="s">
        <v>17</v>
      </c>
    </row>
    <row r="163" spans="1:2">
      <c r="A163" s="3">
        <v>161</v>
      </c>
      <c r="B163" t="s">
        <v>216</v>
      </c>
    </row>
    <row r="164" spans="1:2">
      <c r="A164" s="3">
        <v>162</v>
      </c>
      <c r="B164" t="s">
        <v>217</v>
      </c>
    </row>
    <row r="165" spans="1:2">
      <c r="A165" s="3">
        <v>163</v>
      </c>
      <c r="B165" t="s">
        <v>218</v>
      </c>
    </row>
    <row r="166" spans="1:2">
      <c r="A166" s="3">
        <v>164</v>
      </c>
      <c r="B166" t="s">
        <v>219</v>
      </c>
    </row>
    <row r="167" spans="1:2">
      <c r="A167" s="3">
        <v>165</v>
      </c>
      <c r="B167" t="s">
        <v>220</v>
      </c>
    </row>
    <row r="168" spans="1:2">
      <c r="A168" s="3">
        <v>166</v>
      </c>
      <c r="B168" t="s">
        <v>221</v>
      </c>
    </row>
    <row r="169" spans="1:2">
      <c r="A169" s="3">
        <v>167</v>
      </c>
      <c r="B169" t="s">
        <v>222</v>
      </c>
    </row>
    <row r="170" spans="1:2">
      <c r="A170" s="3">
        <v>168</v>
      </c>
      <c r="B170" t="s">
        <v>223</v>
      </c>
    </row>
    <row r="171" spans="1:2">
      <c r="A171" s="3">
        <v>169</v>
      </c>
      <c r="B171" t="s">
        <v>224</v>
      </c>
    </row>
    <row r="172" spans="1:2">
      <c r="A172" s="3">
        <v>170</v>
      </c>
      <c r="B172" t="s">
        <v>19</v>
      </c>
    </row>
    <row r="173" spans="1:2">
      <c r="A173" s="3">
        <v>171</v>
      </c>
      <c r="B173" t="s">
        <v>225</v>
      </c>
    </row>
    <row r="174" spans="1:2">
      <c r="A174" s="3">
        <v>172</v>
      </c>
      <c r="B174" t="s">
        <v>226</v>
      </c>
    </row>
    <row r="175" spans="1:2">
      <c r="A175" s="3">
        <v>173</v>
      </c>
      <c r="B175" t="s">
        <v>227</v>
      </c>
    </row>
    <row r="176" spans="1:2">
      <c r="A176" s="3">
        <v>174</v>
      </c>
      <c r="B176" t="s">
        <v>228</v>
      </c>
    </row>
    <row r="177" spans="1:2">
      <c r="A177" s="3">
        <v>175</v>
      </c>
      <c r="B177" t="s">
        <v>229</v>
      </c>
    </row>
    <row r="178" spans="1:2">
      <c r="A178" s="3">
        <v>176</v>
      </c>
      <c r="B178" t="s">
        <v>230</v>
      </c>
    </row>
    <row r="179" spans="1:2">
      <c r="A179" s="3">
        <v>177</v>
      </c>
      <c r="B179" t="s">
        <v>231</v>
      </c>
    </row>
    <row r="180" spans="1:2">
      <c r="A180" s="3">
        <v>178</v>
      </c>
      <c r="B180" t="s">
        <v>232</v>
      </c>
    </row>
    <row r="181" spans="1:2">
      <c r="A181" s="3">
        <v>179</v>
      </c>
    </row>
    <row r="182" spans="1:2">
      <c r="A182" s="3">
        <v>180</v>
      </c>
      <c r="B182" t="s">
        <v>21</v>
      </c>
    </row>
    <row r="183" spans="1:2">
      <c r="A183" s="3">
        <v>181</v>
      </c>
      <c r="B183" t="s">
        <v>233</v>
      </c>
    </row>
    <row r="184" spans="1:2">
      <c r="A184" s="3">
        <v>182</v>
      </c>
      <c r="B184" t="s">
        <v>234</v>
      </c>
    </row>
    <row r="185" spans="1:2">
      <c r="A185" s="3">
        <v>183</v>
      </c>
      <c r="B185" t="s">
        <v>235</v>
      </c>
    </row>
    <row r="186" spans="1:2">
      <c r="A186" s="3">
        <v>184</v>
      </c>
      <c r="B186" t="s">
        <v>236</v>
      </c>
    </row>
    <row r="187" spans="1:2">
      <c r="A187" s="3">
        <v>185</v>
      </c>
      <c r="B187" t="s">
        <v>237</v>
      </c>
    </row>
    <row r="188" spans="1:2">
      <c r="A188" s="3">
        <v>186</v>
      </c>
      <c r="B188" t="s">
        <v>238</v>
      </c>
    </row>
    <row r="189" spans="1:2">
      <c r="A189" s="3">
        <v>187</v>
      </c>
      <c r="B189" t="s">
        <v>231</v>
      </c>
    </row>
    <row r="190" spans="1:2">
      <c r="A190" s="3">
        <v>188</v>
      </c>
      <c r="B190" t="s">
        <v>239</v>
      </c>
    </row>
    <row r="191" spans="1:2">
      <c r="A191" s="3">
        <v>189</v>
      </c>
    </row>
    <row r="192" spans="1:2">
      <c r="A192" s="3">
        <v>190</v>
      </c>
      <c r="B192" t="s">
        <v>240</v>
      </c>
    </row>
    <row r="193" spans="1:2">
      <c r="A193" s="3">
        <v>191</v>
      </c>
      <c r="B193" t="s">
        <v>241</v>
      </c>
    </row>
    <row r="194" spans="1:2">
      <c r="A194" s="3">
        <v>192</v>
      </c>
      <c r="B194" t="s">
        <v>242</v>
      </c>
    </row>
    <row r="195" spans="1:2">
      <c r="A195" s="3">
        <v>193</v>
      </c>
      <c r="B195" t="s">
        <v>243</v>
      </c>
    </row>
    <row r="196" spans="1:2">
      <c r="A196" s="3">
        <v>194</v>
      </c>
      <c r="B196" t="s">
        <v>228</v>
      </c>
    </row>
    <row r="197" spans="1:2">
      <c r="A197" s="3">
        <v>195</v>
      </c>
      <c r="B197" t="s">
        <v>244</v>
      </c>
    </row>
    <row r="198" spans="1:2">
      <c r="A198" s="3">
        <v>196</v>
      </c>
      <c r="B198" t="s">
        <v>245</v>
      </c>
    </row>
    <row r="199" spans="1:2">
      <c r="A199" s="3">
        <v>197</v>
      </c>
      <c r="B199" t="s">
        <v>231</v>
      </c>
    </row>
    <row r="200" spans="1:2">
      <c r="A200" s="3">
        <v>198</v>
      </c>
      <c r="B200" t="s">
        <v>246</v>
      </c>
    </row>
    <row r="201" spans="1:2">
      <c r="A201" s="3">
        <v>199</v>
      </c>
      <c r="B201" t="s">
        <v>247</v>
      </c>
    </row>
    <row r="202" spans="1:2">
      <c r="A202" s="3">
        <v>200</v>
      </c>
      <c r="B202" t="s">
        <v>25</v>
      </c>
    </row>
    <row r="203" spans="1:2">
      <c r="A203" s="3">
        <v>201</v>
      </c>
      <c r="B203" t="s">
        <v>248</v>
      </c>
    </row>
    <row r="204" spans="1:2">
      <c r="A204" s="3">
        <v>202</v>
      </c>
      <c r="B204" t="s">
        <v>249</v>
      </c>
    </row>
    <row r="205" spans="1:2">
      <c r="A205" s="3">
        <v>203</v>
      </c>
      <c r="B205" t="s">
        <v>170</v>
      </c>
    </row>
    <row r="206" spans="1:2">
      <c r="A206" s="3">
        <v>204</v>
      </c>
      <c r="B206" t="s">
        <v>171</v>
      </c>
    </row>
    <row r="207" spans="1:2">
      <c r="A207" s="3">
        <v>205</v>
      </c>
      <c r="B207" t="s">
        <v>14</v>
      </c>
    </row>
    <row r="208" spans="1:2">
      <c r="A208" s="3">
        <v>206</v>
      </c>
      <c r="B208" t="s">
        <v>16</v>
      </c>
    </row>
    <row r="209" spans="1:2">
      <c r="A209" s="3">
        <v>207</v>
      </c>
      <c r="B209" t="s">
        <v>250</v>
      </c>
    </row>
    <row r="210" spans="1:2">
      <c r="A210" s="3">
        <v>208</v>
      </c>
      <c r="B210" t="s">
        <v>20</v>
      </c>
    </row>
    <row r="211" spans="1:2">
      <c r="A211" s="3">
        <v>209</v>
      </c>
      <c r="B211" t="s">
        <v>251</v>
      </c>
    </row>
    <row r="212" spans="1:2">
      <c r="A212" s="3">
        <v>210</v>
      </c>
      <c r="B212" t="s">
        <v>56</v>
      </c>
    </row>
    <row r="213" spans="1:2">
      <c r="A213" s="3">
        <v>211</v>
      </c>
      <c r="B213" t="s">
        <v>252</v>
      </c>
    </row>
    <row r="214" spans="1:2">
      <c r="A214" s="3">
        <v>212</v>
      </c>
      <c r="B214" t="s">
        <v>253</v>
      </c>
    </row>
    <row r="215" spans="1:2">
      <c r="A215" s="3">
        <v>213</v>
      </c>
      <c r="B215" t="s">
        <v>254</v>
      </c>
    </row>
    <row r="216" spans="1:2">
      <c r="A216" s="3">
        <v>214</v>
      </c>
      <c r="B216" t="s">
        <v>255</v>
      </c>
    </row>
    <row r="217" spans="1:2">
      <c r="A217" s="3">
        <v>215</v>
      </c>
      <c r="B217" t="s">
        <v>256</v>
      </c>
    </row>
    <row r="218" spans="1:2">
      <c r="A218" s="3">
        <v>216</v>
      </c>
      <c r="B218" t="s">
        <v>257</v>
      </c>
    </row>
    <row r="219" spans="1:2">
      <c r="A219" s="3">
        <v>217</v>
      </c>
      <c r="B219" t="s">
        <v>258</v>
      </c>
    </row>
    <row r="220" spans="1:2">
      <c r="A220" s="3">
        <v>218</v>
      </c>
      <c r="B220" t="s">
        <v>259</v>
      </c>
    </row>
    <row r="221" spans="1:2">
      <c r="A221" s="3">
        <v>219</v>
      </c>
      <c r="B221" t="s">
        <v>260</v>
      </c>
    </row>
    <row r="222" spans="1:2">
      <c r="A222" s="3">
        <v>220</v>
      </c>
      <c r="B222" t="s">
        <v>57</v>
      </c>
    </row>
    <row r="223" spans="1:2">
      <c r="A223" s="3">
        <v>221</v>
      </c>
      <c r="B223" t="s">
        <v>261</v>
      </c>
    </row>
    <row r="224" spans="1:2">
      <c r="A224" s="3">
        <v>222</v>
      </c>
      <c r="B224" t="s">
        <v>262</v>
      </c>
    </row>
    <row r="225" spans="1:3">
      <c r="A225" s="3">
        <v>223</v>
      </c>
      <c r="B225" t="s">
        <v>263</v>
      </c>
    </row>
    <row r="226" spans="1:3">
      <c r="A226" s="3">
        <v>224</v>
      </c>
      <c r="B226" t="s">
        <v>264</v>
      </c>
    </row>
    <row r="227" spans="1:3">
      <c r="A227" s="3">
        <v>225</v>
      </c>
      <c r="B227" t="s">
        <v>265</v>
      </c>
    </row>
    <row r="228" spans="1:3">
      <c r="A228" s="3" t="s">
        <v>269</v>
      </c>
      <c r="B228" t="s">
        <v>270</v>
      </c>
      <c r="C228">
        <v>227</v>
      </c>
    </row>
    <row r="229" spans="1:3">
      <c r="A229" s="3">
        <v>227</v>
      </c>
      <c r="B229" t="s">
        <v>266</v>
      </c>
    </row>
    <row r="230" spans="1:3">
      <c r="A230" s="3" t="s">
        <v>267</v>
      </c>
      <c r="B230" t="s">
        <v>271</v>
      </c>
      <c r="C230">
        <v>227</v>
      </c>
    </row>
    <row r="231" spans="1:3">
      <c r="A231" s="3">
        <v>229</v>
      </c>
      <c r="B231" t="s">
        <v>268</v>
      </c>
    </row>
    <row r="232" spans="1:3">
      <c r="A232" s="3">
        <v>230</v>
      </c>
      <c r="B232" t="s">
        <v>272</v>
      </c>
    </row>
    <row r="233" spans="1:3">
      <c r="A233" s="3">
        <v>231</v>
      </c>
      <c r="B233" t="s">
        <v>273</v>
      </c>
    </row>
    <row r="234" spans="1:3">
      <c r="A234" s="3">
        <v>232</v>
      </c>
      <c r="B234" t="s">
        <v>274</v>
      </c>
    </row>
    <row r="235" spans="1:3">
      <c r="A235" s="3">
        <v>233</v>
      </c>
      <c r="B235" t="s">
        <v>275</v>
      </c>
    </row>
    <row r="236" spans="1:3">
      <c r="A236" s="3">
        <v>234</v>
      </c>
      <c r="B236" t="s">
        <v>276</v>
      </c>
    </row>
    <row r="237" spans="1:3">
      <c r="A237" s="3">
        <v>235</v>
      </c>
      <c r="B237" t="s">
        <v>277</v>
      </c>
    </row>
    <row r="238" spans="1:3">
      <c r="A238" s="3">
        <v>236</v>
      </c>
      <c r="B238" t="s">
        <v>278</v>
      </c>
    </row>
    <row r="239" spans="1:3">
      <c r="A239" s="3">
        <v>237</v>
      </c>
      <c r="B239" t="s">
        <v>279</v>
      </c>
    </row>
    <row r="240" spans="1:3">
      <c r="A240" s="3">
        <v>238</v>
      </c>
      <c r="B240" t="s">
        <v>280</v>
      </c>
    </row>
    <row r="241" spans="1:2">
      <c r="A241" s="3">
        <v>239</v>
      </c>
      <c r="B241" t="s">
        <v>281</v>
      </c>
    </row>
    <row r="242" spans="1:2">
      <c r="A242" s="3">
        <v>240</v>
      </c>
      <c r="B242" t="s">
        <v>59</v>
      </c>
    </row>
    <row r="243" spans="1:2">
      <c r="A243" s="3">
        <v>241</v>
      </c>
      <c r="B243" t="s">
        <v>282</v>
      </c>
    </row>
    <row r="244" spans="1:2">
      <c r="A244" s="3">
        <v>242</v>
      </c>
      <c r="B244" t="s">
        <v>283</v>
      </c>
    </row>
    <row r="245" spans="1:2">
      <c r="A245" s="3">
        <v>243</v>
      </c>
      <c r="B245" t="s">
        <v>284</v>
      </c>
    </row>
    <row r="246" spans="1:2">
      <c r="A246" s="3">
        <v>244</v>
      </c>
      <c r="B246" t="s">
        <v>285</v>
      </c>
    </row>
    <row r="247" spans="1:2">
      <c r="A247" s="3">
        <v>245</v>
      </c>
      <c r="B247" t="s">
        <v>286</v>
      </c>
    </row>
    <row r="248" spans="1:2">
      <c r="A248" s="3">
        <v>246</v>
      </c>
    </row>
    <row r="249" spans="1:2">
      <c r="A249" s="3">
        <v>247</v>
      </c>
    </row>
    <row r="250" spans="1:2">
      <c r="A250" s="3">
        <v>248</v>
      </c>
      <c r="B250" t="s">
        <v>287</v>
      </c>
    </row>
    <row r="251" spans="1:2">
      <c r="A251" s="3">
        <v>249</v>
      </c>
      <c r="B251" t="s">
        <v>288</v>
      </c>
    </row>
    <row r="252" spans="1:2">
      <c r="A252" s="3">
        <v>250</v>
      </c>
      <c r="B252" t="s">
        <v>60</v>
      </c>
    </row>
    <row r="253" spans="1:2">
      <c r="A253" s="3">
        <v>251</v>
      </c>
      <c r="B253" t="s">
        <v>289</v>
      </c>
    </row>
    <row r="254" spans="1:2">
      <c r="A254" s="3">
        <v>252</v>
      </c>
    </row>
    <row r="255" spans="1:2">
      <c r="A255" s="3">
        <v>253</v>
      </c>
      <c r="B255" t="s">
        <v>290</v>
      </c>
    </row>
    <row r="256" spans="1:2">
      <c r="A256" s="3">
        <v>254</v>
      </c>
    </row>
    <row r="257" spans="1:2">
      <c r="A257" s="3">
        <v>255</v>
      </c>
      <c r="B257" t="s">
        <v>291</v>
      </c>
    </row>
    <row r="258" spans="1:2">
      <c r="A258" s="3">
        <v>256</v>
      </c>
      <c r="B258" t="s">
        <v>292</v>
      </c>
    </row>
    <row r="259" spans="1:2">
      <c r="A259" s="3">
        <v>257</v>
      </c>
      <c r="B259" t="s">
        <v>293</v>
      </c>
    </row>
    <row r="260" spans="1:2">
      <c r="A260" s="3">
        <v>258</v>
      </c>
    </row>
    <row r="261" spans="1:2">
      <c r="A261" s="3">
        <v>259</v>
      </c>
      <c r="B261" t="s">
        <v>294</v>
      </c>
    </row>
    <row r="262" spans="1:2">
      <c r="A262" s="3">
        <v>260</v>
      </c>
      <c r="B262" t="s">
        <v>61</v>
      </c>
    </row>
    <row r="263" spans="1:2">
      <c r="A263" s="3">
        <v>261</v>
      </c>
      <c r="B263" t="s">
        <v>295</v>
      </c>
    </row>
    <row r="264" spans="1:2">
      <c r="A264" s="3">
        <v>262</v>
      </c>
      <c r="B264" t="s">
        <v>296</v>
      </c>
    </row>
    <row r="265" spans="1:2">
      <c r="A265" s="3">
        <v>263</v>
      </c>
      <c r="B265" t="s">
        <v>297</v>
      </c>
    </row>
    <row r="266" spans="1:2">
      <c r="A266" s="3">
        <v>264</v>
      </c>
      <c r="B266" t="s">
        <v>298</v>
      </c>
    </row>
    <row r="267" spans="1:2">
      <c r="A267" s="3">
        <v>265</v>
      </c>
      <c r="B267" t="s">
        <v>299</v>
      </c>
    </row>
    <row r="268" spans="1:2">
      <c r="A268" s="3">
        <v>266</v>
      </c>
      <c r="B268" t="s">
        <v>300</v>
      </c>
    </row>
    <row r="269" spans="1:2">
      <c r="A269" s="3">
        <v>267</v>
      </c>
      <c r="B269" t="s">
        <v>301</v>
      </c>
    </row>
    <row r="270" spans="1:2">
      <c r="A270" s="3">
        <v>268</v>
      </c>
      <c r="B270" t="s">
        <v>302</v>
      </c>
    </row>
    <row r="271" spans="1:2">
      <c r="A271" s="3">
        <v>269</v>
      </c>
    </row>
    <row r="272" spans="1:2">
      <c r="A272" s="3">
        <v>270</v>
      </c>
      <c r="B272" t="s">
        <v>62</v>
      </c>
    </row>
    <row r="273" spans="1:2">
      <c r="A273" s="3">
        <v>271</v>
      </c>
      <c r="B273" t="s">
        <v>303</v>
      </c>
    </row>
    <row r="274" spans="1:2">
      <c r="A274" s="3">
        <v>272</v>
      </c>
      <c r="B274" t="s">
        <v>304</v>
      </c>
    </row>
    <row r="275" spans="1:2">
      <c r="A275" s="3">
        <v>273</v>
      </c>
      <c r="B275" t="s">
        <v>305</v>
      </c>
    </row>
    <row r="276" spans="1:2">
      <c r="A276" s="3">
        <v>274</v>
      </c>
      <c r="B276" t="s">
        <v>306</v>
      </c>
    </row>
    <row r="277" spans="1:2">
      <c r="A277" s="3">
        <v>275</v>
      </c>
      <c r="B277" t="s">
        <v>307</v>
      </c>
    </row>
    <row r="278" spans="1:2">
      <c r="A278" s="3">
        <v>276</v>
      </c>
      <c r="B278" t="s">
        <v>308</v>
      </c>
    </row>
    <row r="279" spans="1:2">
      <c r="A279" s="3">
        <v>277</v>
      </c>
      <c r="B279" t="s">
        <v>309</v>
      </c>
    </row>
    <row r="280" spans="1:2">
      <c r="A280" s="3">
        <v>278</v>
      </c>
      <c r="B280" t="s">
        <v>310</v>
      </c>
    </row>
    <row r="281" spans="1:2">
      <c r="A281" s="3">
        <v>279</v>
      </c>
      <c r="B281" t="s">
        <v>311</v>
      </c>
    </row>
    <row r="282" spans="1:2">
      <c r="A282" s="3">
        <v>280</v>
      </c>
      <c r="B282" t="s">
        <v>63</v>
      </c>
    </row>
    <row r="283" spans="1:2">
      <c r="A283" s="3">
        <v>281</v>
      </c>
      <c r="B283" t="s">
        <v>161</v>
      </c>
    </row>
    <row r="284" spans="1:2">
      <c r="A284" s="3">
        <v>282</v>
      </c>
      <c r="B284" t="s">
        <v>162</v>
      </c>
    </row>
    <row r="285" spans="1:2">
      <c r="A285" s="3">
        <v>283</v>
      </c>
      <c r="B285" t="s">
        <v>163</v>
      </c>
    </row>
    <row r="286" spans="1:2">
      <c r="A286" s="3">
        <v>284</v>
      </c>
      <c r="B286" t="s">
        <v>164</v>
      </c>
    </row>
    <row r="287" spans="1:2">
      <c r="A287" s="3">
        <v>285</v>
      </c>
      <c r="B287" t="s">
        <v>165</v>
      </c>
    </row>
    <row r="288" spans="1:2">
      <c r="A288" s="3">
        <v>286</v>
      </c>
      <c r="B288" t="s">
        <v>166</v>
      </c>
    </row>
    <row r="289" spans="1:2">
      <c r="A289" s="3">
        <v>287</v>
      </c>
      <c r="B289" t="s">
        <v>167</v>
      </c>
    </row>
    <row r="290" spans="1:2">
      <c r="A290" s="3">
        <v>288</v>
      </c>
      <c r="B290" t="s">
        <v>312</v>
      </c>
    </row>
    <row r="291" spans="1:2">
      <c r="A291" s="3">
        <v>289</v>
      </c>
      <c r="B291" t="s">
        <v>313</v>
      </c>
    </row>
    <row r="292" spans="1:2">
      <c r="A292" s="3">
        <v>290</v>
      </c>
      <c r="B292" t="s">
        <v>64</v>
      </c>
    </row>
    <row r="293" spans="1:2">
      <c r="A293" s="3">
        <v>291</v>
      </c>
      <c r="B293" t="s">
        <v>161</v>
      </c>
    </row>
    <row r="294" spans="1:2">
      <c r="A294" s="3">
        <v>292</v>
      </c>
      <c r="B294" t="s">
        <v>162</v>
      </c>
    </row>
    <row r="295" spans="1:2">
      <c r="A295" s="3">
        <v>293</v>
      </c>
      <c r="B295" t="s">
        <v>163</v>
      </c>
    </row>
    <row r="296" spans="1:2">
      <c r="A296" s="3">
        <v>294</v>
      </c>
      <c r="B296" t="s">
        <v>164</v>
      </c>
    </row>
    <row r="297" spans="1:2">
      <c r="A297" s="3">
        <v>295</v>
      </c>
      <c r="B297" t="s">
        <v>165</v>
      </c>
    </row>
    <row r="298" spans="1:2">
      <c r="A298" s="3">
        <v>296</v>
      </c>
      <c r="B298" t="s">
        <v>166</v>
      </c>
    </row>
    <row r="299" spans="1:2">
      <c r="A299" s="3">
        <v>297</v>
      </c>
      <c r="B299" t="s">
        <v>314</v>
      </c>
    </row>
    <row r="300" spans="1:2">
      <c r="A300" s="3">
        <v>298</v>
      </c>
    </row>
    <row r="301" spans="1:2">
      <c r="A301" s="3">
        <v>299</v>
      </c>
      <c r="B301" t="s">
        <v>315</v>
      </c>
    </row>
    <row r="302" spans="1:2">
      <c r="A302" s="3">
        <v>300</v>
      </c>
      <c r="B302" t="s">
        <v>26</v>
      </c>
    </row>
    <row r="303" spans="1:2">
      <c r="A303" s="3">
        <v>301</v>
      </c>
      <c r="B303" t="s">
        <v>316</v>
      </c>
    </row>
    <row r="304" spans="1:2">
      <c r="A304" s="3">
        <v>302</v>
      </c>
      <c r="B304" t="s">
        <v>317</v>
      </c>
    </row>
    <row r="305" spans="1:2">
      <c r="A305" s="3">
        <v>303</v>
      </c>
      <c r="B305" t="s">
        <v>170</v>
      </c>
    </row>
    <row r="306" spans="1:2">
      <c r="A306" s="3">
        <v>304</v>
      </c>
      <c r="B306" t="s">
        <v>171</v>
      </c>
    </row>
    <row r="307" spans="1:2">
      <c r="A307" s="3">
        <v>305</v>
      </c>
      <c r="B307" t="s">
        <v>14</v>
      </c>
    </row>
    <row r="308" spans="1:2">
      <c r="A308" s="3">
        <v>306</v>
      </c>
      <c r="B308" t="s">
        <v>16</v>
      </c>
    </row>
    <row r="309" spans="1:2">
      <c r="A309" s="3">
        <v>307</v>
      </c>
      <c r="B309" t="s">
        <v>318</v>
      </c>
    </row>
    <row r="310" spans="1:2">
      <c r="A310" s="3">
        <v>308</v>
      </c>
      <c r="B310" t="s">
        <v>20</v>
      </c>
    </row>
    <row r="311" spans="1:2">
      <c r="A311" s="3">
        <v>309</v>
      </c>
      <c r="B311" t="s">
        <v>319</v>
      </c>
    </row>
    <row r="312" spans="1:2">
      <c r="A312" s="3">
        <v>310</v>
      </c>
      <c r="B312" t="s">
        <v>65</v>
      </c>
    </row>
    <row r="313" spans="1:2">
      <c r="A313" s="3">
        <v>311</v>
      </c>
      <c r="B313" t="s">
        <v>320</v>
      </c>
    </row>
    <row r="314" spans="1:2">
      <c r="A314" s="3">
        <v>312</v>
      </c>
      <c r="B314" t="s">
        <v>321</v>
      </c>
    </row>
    <row r="315" spans="1:2">
      <c r="A315" s="3">
        <v>313</v>
      </c>
      <c r="B315" t="s">
        <v>322</v>
      </c>
    </row>
    <row r="316" spans="1:2">
      <c r="A316" s="3">
        <v>314</v>
      </c>
      <c r="B316" t="s">
        <v>323</v>
      </c>
    </row>
    <row r="317" spans="1:2">
      <c r="A317" s="3">
        <v>315</v>
      </c>
      <c r="B317" t="s">
        <v>324</v>
      </c>
    </row>
    <row r="318" spans="1:2">
      <c r="A318" s="3">
        <v>316</v>
      </c>
      <c r="B318" t="s">
        <v>325</v>
      </c>
    </row>
    <row r="319" spans="1:2">
      <c r="A319" s="3">
        <v>317</v>
      </c>
      <c r="B319" t="s">
        <v>326</v>
      </c>
    </row>
    <row r="320" spans="1:2">
      <c r="A320" s="3">
        <v>318</v>
      </c>
      <c r="B320" t="s">
        <v>327</v>
      </c>
    </row>
    <row r="321" spans="1:2">
      <c r="A321" s="3">
        <v>319</v>
      </c>
      <c r="B321" t="s">
        <v>328</v>
      </c>
    </row>
    <row r="322" spans="1:2">
      <c r="A322" s="3">
        <v>320</v>
      </c>
      <c r="B322" t="s">
        <v>66</v>
      </c>
    </row>
    <row r="323" spans="1:2">
      <c r="A323" s="3">
        <v>321</v>
      </c>
      <c r="B323" t="s">
        <v>329</v>
      </c>
    </row>
    <row r="324" spans="1:2">
      <c r="A324" s="3">
        <v>322</v>
      </c>
      <c r="B324" t="s">
        <v>330</v>
      </c>
    </row>
    <row r="325" spans="1:2">
      <c r="A325" s="3">
        <v>323</v>
      </c>
      <c r="B325" t="s">
        <v>331</v>
      </c>
    </row>
    <row r="326" spans="1:2">
      <c r="A326" s="3">
        <v>324</v>
      </c>
      <c r="B326" t="s">
        <v>332</v>
      </c>
    </row>
    <row r="327" spans="1:2">
      <c r="A327" s="3">
        <v>325</v>
      </c>
      <c r="B327" t="s">
        <v>333</v>
      </c>
    </row>
    <row r="328" spans="1:2">
      <c r="A328" s="3">
        <v>326</v>
      </c>
      <c r="B328" t="s">
        <v>334</v>
      </c>
    </row>
    <row r="329" spans="1:2">
      <c r="A329" s="3">
        <v>327</v>
      </c>
      <c r="B329" t="s">
        <v>335</v>
      </c>
    </row>
    <row r="330" spans="1:2">
      <c r="A330" s="3" t="s">
        <v>336</v>
      </c>
      <c r="B330" t="s">
        <v>337</v>
      </c>
    </row>
    <row r="331" spans="1:2">
      <c r="A331" s="3">
        <v>329</v>
      </c>
      <c r="B331" t="s">
        <v>338</v>
      </c>
    </row>
    <row r="332" spans="1:2">
      <c r="A332" s="3">
        <v>330</v>
      </c>
      <c r="B332" t="s">
        <v>67</v>
      </c>
    </row>
    <row r="333" spans="1:2">
      <c r="A333" s="3">
        <v>331</v>
      </c>
      <c r="B333" t="s">
        <v>339</v>
      </c>
    </row>
    <row r="334" spans="1:2">
      <c r="A334" s="3">
        <v>332</v>
      </c>
      <c r="B334" t="s">
        <v>340</v>
      </c>
    </row>
    <row r="335" spans="1:2">
      <c r="A335" s="3">
        <v>333</v>
      </c>
      <c r="B335" t="s">
        <v>341</v>
      </c>
    </row>
    <row r="336" spans="1:2">
      <c r="A336" s="3">
        <v>334</v>
      </c>
      <c r="B336" t="s">
        <v>342</v>
      </c>
    </row>
    <row r="337" spans="1:2">
      <c r="A337" s="3">
        <v>335</v>
      </c>
      <c r="B337" t="s">
        <v>343</v>
      </c>
    </row>
    <row r="338" spans="1:2">
      <c r="A338" s="3">
        <v>336</v>
      </c>
      <c r="B338" t="s">
        <v>344</v>
      </c>
    </row>
    <row r="339" spans="1:2">
      <c r="A339" s="3">
        <v>337</v>
      </c>
      <c r="B339" t="s">
        <v>345</v>
      </c>
    </row>
    <row r="340" spans="1:2">
      <c r="A340" s="3">
        <v>338</v>
      </c>
      <c r="B340" t="s">
        <v>346</v>
      </c>
    </row>
    <row r="341" spans="1:2">
      <c r="A341" s="3">
        <v>339</v>
      </c>
      <c r="B341" t="s">
        <v>347</v>
      </c>
    </row>
    <row r="342" spans="1:2">
      <c r="A342" s="3">
        <v>340</v>
      </c>
      <c r="B342" t="s">
        <v>68</v>
      </c>
    </row>
    <row r="343" spans="1:2">
      <c r="A343" s="3">
        <v>341</v>
      </c>
      <c r="B343" t="s">
        <v>348</v>
      </c>
    </row>
    <row r="344" spans="1:2">
      <c r="A344" s="3">
        <v>342</v>
      </c>
      <c r="B344" t="s">
        <v>349</v>
      </c>
    </row>
    <row r="345" spans="1:2">
      <c r="A345" s="3">
        <v>343</v>
      </c>
      <c r="B345" t="s">
        <v>350</v>
      </c>
    </row>
    <row r="346" spans="1:2">
      <c r="A346" s="3">
        <v>344</v>
      </c>
      <c r="B346" t="s">
        <v>351</v>
      </c>
    </row>
    <row r="347" spans="1:2">
      <c r="A347" s="3">
        <v>345</v>
      </c>
      <c r="B347" t="s">
        <v>352</v>
      </c>
    </row>
    <row r="348" spans="1:2">
      <c r="A348" s="3">
        <v>346</v>
      </c>
    </row>
    <row r="349" spans="1:2">
      <c r="A349" s="3">
        <v>347</v>
      </c>
      <c r="B349" t="s">
        <v>353</v>
      </c>
    </row>
    <row r="350" spans="1:2">
      <c r="A350" s="3">
        <v>348</v>
      </c>
      <c r="B350" t="s">
        <v>354</v>
      </c>
    </row>
    <row r="351" spans="1:2">
      <c r="A351" s="3">
        <v>349</v>
      </c>
      <c r="B351" t="s">
        <v>355</v>
      </c>
    </row>
    <row r="352" spans="1:2">
      <c r="A352" s="3">
        <v>350</v>
      </c>
      <c r="B352" t="s">
        <v>69</v>
      </c>
    </row>
    <row r="353" spans="1:2">
      <c r="A353" s="3">
        <v>351</v>
      </c>
      <c r="B353" t="s">
        <v>161</v>
      </c>
    </row>
    <row r="354" spans="1:2">
      <c r="A354" s="3">
        <v>352</v>
      </c>
      <c r="B354" t="s">
        <v>162</v>
      </c>
    </row>
    <row r="355" spans="1:2">
      <c r="A355" s="3">
        <v>353</v>
      </c>
      <c r="B355" t="s">
        <v>163</v>
      </c>
    </row>
    <row r="356" spans="1:2">
      <c r="A356" s="3">
        <v>354</v>
      </c>
      <c r="B356" t="s">
        <v>164</v>
      </c>
    </row>
    <row r="357" spans="1:2">
      <c r="A357" s="3">
        <v>355</v>
      </c>
      <c r="B357" t="s">
        <v>165</v>
      </c>
    </row>
    <row r="358" spans="1:2">
      <c r="A358" s="3">
        <v>356</v>
      </c>
      <c r="B358" t="s">
        <v>166</v>
      </c>
    </row>
    <row r="359" spans="1:2">
      <c r="A359" s="3">
        <v>357</v>
      </c>
      <c r="B359" t="s">
        <v>167</v>
      </c>
    </row>
    <row r="360" spans="1:2">
      <c r="A360" s="3">
        <v>358</v>
      </c>
      <c r="B360" t="s">
        <v>356</v>
      </c>
    </row>
    <row r="361" spans="1:2">
      <c r="A361" s="3" t="s">
        <v>357</v>
      </c>
      <c r="B361" t="s">
        <v>358</v>
      </c>
    </row>
    <row r="362" spans="1:2">
      <c r="A362" s="3">
        <v>360</v>
      </c>
      <c r="B362" t="s">
        <v>70</v>
      </c>
    </row>
    <row r="363" spans="1:2">
      <c r="A363" s="3">
        <v>361</v>
      </c>
      <c r="B363" t="s">
        <v>359</v>
      </c>
    </row>
    <row r="364" spans="1:2">
      <c r="A364" s="3">
        <v>362</v>
      </c>
      <c r="B364" t="s">
        <v>360</v>
      </c>
    </row>
    <row r="365" spans="1:2">
      <c r="A365" s="3">
        <v>363</v>
      </c>
    </row>
    <row r="366" spans="1:2">
      <c r="A366" s="3">
        <v>364</v>
      </c>
      <c r="B366" t="s">
        <v>361</v>
      </c>
    </row>
    <row r="367" spans="1:2">
      <c r="A367" s="3">
        <v>365</v>
      </c>
      <c r="B367" t="s">
        <v>362</v>
      </c>
    </row>
    <row r="368" spans="1:2">
      <c r="A368" s="3">
        <v>366</v>
      </c>
      <c r="B368" t="s">
        <v>363</v>
      </c>
    </row>
    <row r="369" spans="1:2">
      <c r="A369" s="3">
        <v>367</v>
      </c>
      <c r="B369" t="s">
        <v>364</v>
      </c>
    </row>
    <row r="370" spans="1:2">
      <c r="A370" s="3">
        <v>368</v>
      </c>
      <c r="B370" t="s">
        <v>365</v>
      </c>
    </row>
    <row r="371" spans="1:2">
      <c r="A371" s="3">
        <v>369</v>
      </c>
      <c r="B371" t="s">
        <v>366</v>
      </c>
    </row>
    <row r="372" spans="1:2">
      <c r="A372" s="3">
        <v>370</v>
      </c>
      <c r="B372" t="s">
        <v>71</v>
      </c>
    </row>
    <row r="373" spans="1:2">
      <c r="A373" s="3">
        <v>371</v>
      </c>
      <c r="B373" t="s">
        <v>367</v>
      </c>
    </row>
    <row r="374" spans="1:2">
      <c r="A374" s="3">
        <v>372</v>
      </c>
      <c r="B374" t="s">
        <v>368</v>
      </c>
    </row>
    <row r="375" spans="1:2">
      <c r="A375" s="3">
        <v>373</v>
      </c>
      <c r="B375" t="s">
        <v>369</v>
      </c>
    </row>
    <row r="376" spans="1:2">
      <c r="A376" s="3">
        <v>374</v>
      </c>
      <c r="B376" t="s">
        <v>370</v>
      </c>
    </row>
    <row r="377" spans="1:2">
      <c r="A377" s="3">
        <v>375</v>
      </c>
      <c r="B377" t="s">
        <v>371</v>
      </c>
    </row>
    <row r="378" spans="1:2">
      <c r="A378" s="3">
        <v>376</v>
      </c>
      <c r="B378" t="s">
        <v>372</v>
      </c>
    </row>
    <row r="379" spans="1:2">
      <c r="A379" s="3">
        <v>377</v>
      </c>
      <c r="B379" t="s">
        <v>373</v>
      </c>
    </row>
    <row r="380" spans="1:2">
      <c r="A380" s="3">
        <v>378</v>
      </c>
      <c r="B380" t="s">
        <v>374</v>
      </c>
    </row>
    <row r="381" spans="1:2">
      <c r="A381" s="3">
        <v>379</v>
      </c>
      <c r="B381" t="s">
        <v>375</v>
      </c>
    </row>
    <row r="382" spans="1:2">
      <c r="A382" s="3">
        <v>380</v>
      </c>
      <c r="B382" t="s">
        <v>72</v>
      </c>
    </row>
    <row r="383" spans="1:2">
      <c r="A383" s="3">
        <v>381</v>
      </c>
    </row>
    <row r="384" spans="1:2">
      <c r="A384" s="3">
        <v>382</v>
      </c>
      <c r="B384" t="s">
        <v>376</v>
      </c>
    </row>
    <row r="385" spans="1:2">
      <c r="A385" s="3">
        <v>383</v>
      </c>
      <c r="B385" t="s">
        <v>377</v>
      </c>
    </row>
    <row r="386" spans="1:2">
      <c r="A386" s="3">
        <v>384</v>
      </c>
      <c r="B386" t="s">
        <v>378</v>
      </c>
    </row>
    <row r="387" spans="1:2">
      <c r="A387" s="3">
        <v>385</v>
      </c>
      <c r="B387" t="s">
        <v>379</v>
      </c>
    </row>
    <row r="388" spans="1:2">
      <c r="A388" s="3">
        <v>386</v>
      </c>
      <c r="B388" t="s">
        <v>380</v>
      </c>
    </row>
    <row r="389" spans="1:2">
      <c r="A389" s="3">
        <v>387</v>
      </c>
      <c r="B389" t="s">
        <v>381</v>
      </c>
    </row>
    <row r="390" spans="1:2">
      <c r="A390" s="3">
        <v>388</v>
      </c>
      <c r="B390" t="s">
        <v>382</v>
      </c>
    </row>
    <row r="391" spans="1:2">
      <c r="A391" s="3">
        <v>389</v>
      </c>
      <c r="B391" t="s">
        <v>383</v>
      </c>
    </row>
    <row r="392" spans="1:2">
      <c r="A392" s="3">
        <v>390</v>
      </c>
      <c r="B392" t="s">
        <v>73</v>
      </c>
    </row>
    <row r="393" spans="1:2">
      <c r="A393" s="3">
        <v>391</v>
      </c>
      <c r="B393" t="s">
        <v>384</v>
      </c>
    </row>
    <row r="394" spans="1:2">
      <c r="A394" s="3">
        <v>392</v>
      </c>
      <c r="B394" t="s">
        <v>385</v>
      </c>
    </row>
    <row r="395" spans="1:2">
      <c r="A395" s="3">
        <v>393</v>
      </c>
      <c r="B395" t="s">
        <v>386</v>
      </c>
    </row>
    <row r="396" spans="1:2">
      <c r="A396" s="3">
        <v>394</v>
      </c>
      <c r="B396" t="s">
        <v>387</v>
      </c>
    </row>
    <row r="397" spans="1:2">
      <c r="A397" s="3">
        <v>395</v>
      </c>
      <c r="B397" t="s">
        <v>388</v>
      </c>
    </row>
    <row r="398" spans="1:2">
      <c r="A398" s="3">
        <v>396</v>
      </c>
      <c r="B398" t="s">
        <v>389</v>
      </c>
    </row>
    <row r="399" spans="1:2">
      <c r="A399" s="3">
        <v>397</v>
      </c>
      <c r="B399" t="s">
        <v>390</v>
      </c>
    </row>
    <row r="400" spans="1:2">
      <c r="A400" s="3">
        <v>398</v>
      </c>
      <c r="B400" t="s">
        <v>391</v>
      </c>
    </row>
    <row r="401" spans="1:2">
      <c r="A401" s="3">
        <v>399</v>
      </c>
      <c r="B401" t="s">
        <v>392</v>
      </c>
    </row>
    <row r="402" spans="1:2">
      <c r="A402" s="3">
        <v>400</v>
      </c>
      <c r="B402" t="s">
        <v>27</v>
      </c>
    </row>
    <row r="403" spans="1:2">
      <c r="A403" s="3">
        <v>401</v>
      </c>
      <c r="B403" t="s">
        <v>393</v>
      </c>
    </row>
    <row r="404" spans="1:2">
      <c r="A404" s="3">
        <v>402</v>
      </c>
      <c r="B404" t="s">
        <v>394</v>
      </c>
    </row>
    <row r="405" spans="1:2">
      <c r="A405" s="3">
        <v>403</v>
      </c>
      <c r="B405" t="s">
        <v>170</v>
      </c>
    </row>
    <row r="406" spans="1:2">
      <c r="A406" s="3">
        <v>404</v>
      </c>
      <c r="B406" t="s">
        <v>171</v>
      </c>
    </row>
    <row r="407" spans="1:2">
      <c r="A407" s="3">
        <v>405</v>
      </c>
      <c r="B407" t="s">
        <v>14</v>
      </c>
    </row>
    <row r="408" spans="1:2">
      <c r="A408" s="3">
        <v>406</v>
      </c>
      <c r="B408" t="s">
        <v>16</v>
      </c>
    </row>
    <row r="409" spans="1:2">
      <c r="A409" s="3">
        <v>407</v>
      </c>
      <c r="B409" t="s">
        <v>395</v>
      </c>
    </row>
    <row r="410" spans="1:2">
      <c r="A410" s="3">
        <v>408</v>
      </c>
      <c r="B410" t="s">
        <v>20</v>
      </c>
    </row>
    <row r="411" spans="1:2">
      <c r="A411" s="3">
        <v>409</v>
      </c>
      <c r="B411" t="s">
        <v>396</v>
      </c>
    </row>
    <row r="412" spans="1:2">
      <c r="A412" s="3">
        <v>410</v>
      </c>
      <c r="B412" t="s">
        <v>74</v>
      </c>
    </row>
    <row r="413" spans="1:2">
      <c r="A413" s="3">
        <v>411</v>
      </c>
      <c r="B413" t="s">
        <v>397</v>
      </c>
    </row>
    <row r="414" spans="1:2">
      <c r="A414" s="3">
        <v>412</v>
      </c>
      <c r="B414" t="s">
        <v>398</v>
      </c>
    </row>
    <row r="415" spans="1:2">
      <c r="A415" s="3">
        <v>413</v>
      </c>
      <c r="B415" t="s">
        <v>399</v>
      </c>
    </row>
    <row r="416" spans="1:2">
      <c r="A416" s="3">
        <v>414</v>
      </c>
      <c r="B416" t="s">
        <v>400</v>
      </c>
    </row>
    <row r="417" spans="1:2">
      <c r="A417" s="3">
        <v>415</v>
      </c>
      <c r="B417" t="s">
        <v>401</v>
      </c>
    </row>
    <row r="418" spans="1:2">
      <c r="A418" s="3">
        <v>416</v>
      </c>
    </row>
    <row r="419" spans="1:2">
      <c r="A419" s="3">
        <v>417</v>
      </c>
      <c r="B419" t="s">
        <v>402</v>
      </c>
    </row>
    <row r="420" spans="1:2">
      <c r="A420" s="3">
        <v>418</v>
      </c>
      <c r="B420" t="s">
        <v>403</v>
      </c>
    </row>
    <row r="421" spans="1:2">
      <c r="A421" s="3">
        <v>419</v>
      </c>
      <c r="B421" t="s">
        <v>404</v>
      </c>
    </row>
    <row r="422" spans="1:2">
      <c r="A422" s="3">
        <v>420</v>
      </c>
      <c r="B422" t="s">
        <v>75</v>
      </c>
    </row>
    <row r="423" spans="1:2">
      <c r="A423" s="3">
        <v>421</v>
      </c>
      <c r="B423" t="s">
        <v>405</v>
      </c>
    </row>
    <row r="424" spans="1:2">
      <c r="A424" s="3">
        <v>422</v>
      </c>
    </row>
    <row r="425" spans="1:2">
      <c r="A425" s="3">
        <v>423</v>
      </c>
      <c r="B425" t="s">
        <v>406</v>
      </c>
    </row>
    <row r="426" spans="1:2">
      <c r="A426" s="3">
        <v>424</v>
      </c>
      <c r="B426" t="s">
        <v>407</v>
      </c>
    </row>
    <row r="427" spans="1:2">
      <c r="A427" s="3">
        <v>425</v>
      </c>
      <c r="B427" t="s">
        <v>408</v>
      </c>
    </row>
    <row r="428" spans="1:2">
      <c r="A428" s="3">
        <v>426</v>
      </c>
      <c r="B428" t="s">
        <v>409</v>
      </c>
    </row>
    <row r="429" spans="1:2">
      <c r="A429" s="3">
        <v>427</v>
      </c>
      <c r="B429" t="s">
        <v>410</v>
      </c>
    </row>
    <row r="430" spans="1:2">
      <c r="A430" s="3">
        <v>428</v>
      </c>
      <c r="B430" t="s">
        <v>411</v>
      </c>
    </row>
    <row r="431" spans="1:2">
      <c r="A431" s="3">
        <v>429</v>
      </c>
      <c r="B431" t="s">
        <v>412</v>
      </c>
    </row>
    <row r="432" spans="1:2">
      <c r="A432" s="3">
        <v>430</v>
      </c>
      <c r="B432" t="s">
        <v>76</v>
      </c>
    </row>
    <row r="433" spans="1:2">
      <c r="A433" s="3">
        <v>431</v>
      </c>
      <c r="B433" t="s">
        <v>413</v>
      </c>
    </row>
    <row r="434" spans="1:2">
      <c r="A434" s="3">
        <v>432</v>
      </c>
      <c r="B434" t="s">
        <v>414</v>
      </c>
    </row>
    <row r="435" spans="1:2">
      <c r="A435" s="3">
        <v>433</v>
      </c>
      <c r="B435" t="s">
        <v>415</v>
      </c>
    </row>
    <row r="436" spans="1:2">
      <c r="A436" s="3">
        <v>434</v>
      </c>
      <c r="B436" t="s">
        <v>416</v>
      </c>
    </row>
    <row r="437" spans="1:2">
      <c r="A437" s="3">
        <v>435</v>
      </c>
      <c r="B437" t="s">
        <v>417</v>
      </c>
    </row>
    <row r="438" spans="1:2">
      <c r="A438" s="3">
        <v>436</v>
      </c>
      <c r="B438" t="s">
        <v>418</v>
      </c>
    </row>
    <row r="439" spans="1:2">
      <c r="A439" s="3">
        <v>437</v>
      </c>
      <c r="B439" t="s">
        <v>419</v>
      </c>
    </row>
    <row r="440" spans="1:2">
      <c r="A440" s="3">
        <v>438</v>
      </c>
      <c r="B440" t="s">
        <v>420</v>
      </c>
    </row>
    <row r="441" spans="1:2">
      <c r="A441" s="3">
        <v>439</v>
      </c>
      <c r="B441" t="s">
        <v>421</v>
      </c>
    </row>
    <row r="442" spans="1:2">
      <c r="A442" s="3">
        <v>440</v>
      </c>
      <c r="B442" t="s">
        <v>77</v>
      </c>
    </row>
    <row r="443" spans="1:2">
      <c r="A443" s="3">
        <v>441</v>
      </c>
      <c r="B443" t="s">
        <v>422</v>
      </c>
    </row>
    <row r="444" spans="1:2">
      <c r="A444" s="3">
        <v>442</v>
      </c>
      <c r="B444" t="s">
        <v>423</v>
      </c>
    </row>
    <row r="445" spans="1:2">
      <c r="A445" s="3">
        <v>443</v>
      </c>
      <c r="B445" t="s">
        <v>424</v>
      </c>
    </row>
    <row r="446" spans="1:2">
      <c r="A446" s="3">
        <v>444</v>
      </c>
      <c r="B446" t="s">
        <v>425</v>
      </c>
    </row>
    <row r="447" spans="1:2">
      <c r="A447" s="3">
        <v>445</v>
      </c>
      <c r="B447" t="s">
        <v>426</v>
      </c>
    </row>
    <row r="448" spans="1:2">
      <c r="A448" s="3">
        <v>446</v>
      </c>
      <c r="B448" t="s">
        <v>427</v>
      </c>
    </row>
    <row r="449" spans="1:2">
      <c r="A449" s="3">
        <v>447</v>
      </c>
      <c r="B449" t="s">
        <v>428</v>
      </c>
    </row>
    <row r="450" spans="1:2">
      <c r="A450" s="3">
        <v>448</v>
      </c>
      <c r="B450" t="s">
        <v>429</v>
      </c>
    </row>
    <row r="451" spans="1:2">
      <c r="A451" s="3">
        <v>449</v>
      </c>
      <c r="B451" t="s">
        <v>430</v>
      </c>
    </row>
    <row r="452" spans="1:2">
      <c r="A452" s="3">
        <v>450</v>
      </c>
      <c r="B452" t="s">
        <v>78</v>
      </c>
    </row>
    <row r="453" spans="1:2">
      <c r="A453" s="3">
        <v>451</v>
      </c>
      <c r="B453" t="s">
        <v>431</v>
      </c>
    </row>
    <row r="454" spans="1:2">
      <c r="A454" s="3">
        <v>452</v>
      </c>
      <c r="B454" t="s">
        <v>432</v>
      </c>
    </row>
    <row r="455" spans="1:2">
      <c r="A455" s="3">
        <v>453</v>
      </c>
      <c r="B455" t="s">
        <v>433</v>
      </c>
    </row>
    <row r="456" spans="1:2">
      <c r="A456" s="3">
        <v>454</v>
      </c>
      <c r="B456" t="s">
        <v>434</v>
      </c>
    </row>
    <row r="457" spans="1:2">
      <c r="A457" s="3">
        <v>455</v>
      </c>
      <c r="B457" t="s">
        <v>435</v>
      </c>
    </row>
    <row r="458" spans="1:2">
      <c r="A458" s="3">
        <v>456</v>
      </c>
      <c r="B458" t="s">
        <v>436</v>
      </c>
    </row>
    <row r="459" spans="1:2">
      <c r="A459" s="3">
        <v>457</v>
      </c>
      <c r="B459" t="s">
        <v>437</v>
      </c>
    </row>
    <row r="460" spans="1:2">
      <c r="A460" s="3">
        <v>458</v>
      </c>
      <c r="B460" t="s">
        <v>438</v>
      </c>
    </row>
    <row r="461" spans="1:2">
      <c r="A461" s="3">
        <v>459</v>
      </c>
      <c r="B461" t="s">
        <v>439</v>
      </c>
    </row>
    <row r="462" spans="1:2">
      <c r="A462" s="3">
        <v>460</v>
      </c>
      <c r="B462" t="s">
        <v>79</v>
      </c>
    </row>
    <row r="463" spans="1:2">
      <c r="A463" s="3">
        <v>461</v>
      </c>
      <c r="B463" t="s">
        <v>440</v>
      </c>
    </row>
    <row r="464" spans="1:2">
      <c r="A464" s="3">
        <v>462</v>
      </c>
      <c r="B464" t="s">
        <v>441</v>
      </c>
    </row>
    <row r="465" spans="1:2">
      <c r="A465" s="3">
        <v>463</v>
      </c>
      <c r="B465" t="s">
        <v>442</v>
      </c>
    </row>
    <row r="466" spans="1:2">
      <c r="A466" s="3">
        <v>464</v>
      </c>
      <c r="B466" t="s">
        <v>443</v>
      </c>
    </row>
    <row r="467" spans="1:2">
      <c r="A467" s="3">
        <v>465</v>
      </c>
      <c r="B467" t="s">
        <v>444</v>
      </c>
    </row>
    <row r="468" spans="1:2">
      <c r="A468" s="3">
        <v>466</v>
      </c>
    </row>
    <row r="469" spans="1:2">
      <c r="A469" s="3">
        <v>467</v>
      </c>
      <c r="B469" t="s">
        <v>445</v>
      </c>
    </row>
    <row r="470" spans="1:2">
      <c r="A470" s="3">
        <v>468</v>
      </c>
      <c r="B470" t="s">
        <v>446</v>
      </c>
    </row>
    <row r="471" spans="1:2">
      <c r="A471" s="3">
        <v>469</v>
      </c>
      <c r="B471" t="s">
        <v>447</v>
      </c>
    </row>
    <row r="472" spans="1:2">
      <c r="A472" s="3">
        <v>470</v>
      </c>
      <c r="B472" t="s">
        <v>81</v>
      </c>
    </row>
    <row r="473" spans="1:2">
      <c r="A473" s="3">
        <v>471</v>
      </c>
      <c r="B473" t="s">
        <v>448</v>
      </c>
    </row>
    <row r="474" spans="1:2">
      <c r="A474" s="3">
        <v>472</v>
      </c>
      <c r="B474" t="s">
        <v>449</v>
      </c>
    </row>
    <row r="475" spans="1:2">
      <c r="A475" s="3">
        <v>473</v>
      </c>
      <c r="B475" t="s">
        <v>450</v>
      </c>
    </row>
    <row r="476" spans="1:2">
      <c r="A476" s="3">
        <v>474</v>
      </c>
      <c r="B476" t="s">
        <v>451</v>
      </c>
    </row>
    <row r="477" spans="1:2">
      <c r="A477" s="3">
        <v>475</v>
      </c>
      <c r="B477" t="s">
        <v>452</v>
      </c>
    </row>
    <row r="478" spans="1:2">
      <c r="A478" s="3">
        <v>476</v>
      </c>
      <c r="B478" t="s">
        <v>453</v>
      </c>
    </row>
    <row r="479" spans="1:2">
      <c r="A479" s="3">
        <v>477</v>
      </c>
      <c r="B479" t="s">
        <v>454</v>
      </c>
    </row>
    <row r="480" spans="1:2">
      <c r="A480" s="3">
        <v>478</v>
      </c>
      <c r="B480" t="s">
        <v>455</v>
      </c>
    </row>
    <row r="481" spans="1:2">
      <c r="A481" s="3">
        <v>479</v>
      </c>
      <c r="B481" t="s">
        <v>456</v>
      </c>
    </row>
    <row r="482" spans="1:2">
      <c r="A482" s="3">
        <v>480</v>
      </c>
      <c r="B482" t="s">
        <v>83</v>
      </c>
    </row>
    <row r="483" spans="1:2">
      <c r="A483" s="3">
        <v>481</v>
      </c>
      <c r="B483" t="s">
        <v>457</v>
      </c>
    </row>
    <row r="484" spans="1:2">
      <c r="A484" s="3">
        <v>482</v>
      </c>
      <c r="B484" t="s">
        <v>458</v>
      </c>
    </row>
    <row r="485" spans="1:2">
      <c r="A485" s="3">
        <v>483</v>
      </c>
      <c r="B485" t="s">
        <v>459</v>
      </c>
    </row>
    <row r="486" spans="1:2">
      <c r="A486" s="3">
        <v>484</v>
      </c>
      <c r="B486" t="s">
        <v>460</v>
      </c>
    </row>
    <row r="487" spans="1:2">
      <c r="A487" s="3">
        <v>485</v>
      </c>
      <c r="B487" t="s">
        <v>461</v>
      </c>
    </row>
    <row r="488" spans="1:2">
      <c r="A488" s="3">
        <v>486</v>
      </c>
      <c r="B488" t="s">
        <v>462</v>
      </c>
    </row>
    <row r="489" spans="1:2">
      <c r="A489" s="3">
        <v>487</v>
      </c>
      <c r="B489" t="s">
        <v>463</v>
      </c>
    </row>
    <row r="490" spans="1:2">
      <c r="A490" s="3">
        <v>488</v>
      </c>
      <c r="B490" t="s">
        <v>474</v>
      </c>
    </row>
    <row r="491" spans="1:2">
      <c r="A491" s="3">
        <v>489</v>
      </c>
      <c r="B491" t="s">
        <v>475</v>
      </c>
    </row>
    <row r="492" spans="1:2">
      <c r="A492" s="3">
        <v>490</v>
      </c>
      <c r="B492" t="s">
        <v>464</v>
      </c>
    </row>
    <row r="493" spans="1:2">
      <c r="A493" s="3">
        <v>491</v>
      </c>
      <c r="B493" t="s">
        <v>465</v>
      </c>
    </row>
    <row r="494" spans="1:2">
      <c r="A494" s="3">
        <v>492</v>
      </c>
      <c r="B494" t="s">
        <v>466</v>
      </c>
    </row>
    <row r="495" spans="1:2">
      <c r="A495" s="3">
        <v>493</v>
      </c>
      <c r="B495" t="s">
        <v>467</v>
      </c>
    </row>
    <row r="496" spans="1:2">
      <c r="A496" s="3">
        <v>494</v>
      </c>
      <c r="B496" t="s">
        <v>468</v>
      </c>
    </row>
    <row r="497" spans="1:2">
      <c r="A497" s="3">
        <v>495</v>
      </c>
      <c r="B497" t="s">
        <v>469</v>
      </c>
    </row>
    <row r="498" spans="1:2">
      <c r="A498" s="3">
        <v>496</v>
      </c>
      <c r="B498" t="s">
        <v>470</v>
      </c>
    </row>
    <row r="499" spans="1:2">
      <c r="A499" s="3">
        <v>497</v>
      </c>
      <c r="B499" t="s">
        <v>471</v>
      </c>
    </row>
    <row r="500" spans="1:2">
      <c r="A500" s="3">
        <v>498</v>
      </c>
      <c r="B500" t="s">
        <v>472</v>
      </c>
    </row>
    <row r="501" spans="1:2">
      <c r="A501" s="3">
        <v>499</v>
      </c>
      <c r="B501" t="s">
        <v>473</v>
      </c>
    </row>
    <row r="502" spans="1:2">
      <c r="A502" s="3">
        <v>500</v>
      </c>
      <c r="B502" t="s">
        <v>31</v>
      </c>
    </row>
    <row r="503" spans="1:2">
      <c r="A503" s="3">
        <v>501</v>
      </c>
      <c r="B503" t="s">
        <v>476</v>
      </c>
    </row>
    <row r="504" spans="1:2">
      <c r="A504" s="3">
        <v>502</v>
      </c>
      <c r="B504" t="s">
        <v>477</v>
      </c>
    </row>
    <row r="505" spans="1:2">
      <c r="A505" s="3">
        <v>503</v>
      </c>
      <c r="B505" t="s">
        <v>170</v>
      </c>
    </row>
    <row r="506" spans="1:2">
      <c r="A506" s="3">
        <v>504</v>
      </c>
      <c r="B506" t="s">
        <v>171</v>
      </c>
    </row>
    <row r="507" spans="1:2">
      <c r="A507" s="3">
        <v>505</v>
      </c>
      <c r="B507" t="s">
        <v>14</v>
      </c>
    </row>
    <row r="508" spans="1:2">
      <c r="A508" s="3">
        <v>506</v>
      </c>
      <c r="B508" t="s">
        <v>16</v>
      </c>
    </row>
    <row r="509" spans="1:2">
      <c r="A509" s="3">
        <v>507</v>
      </c>
      <c r="B509" t="s">
        <v>478</v>
      </c>
    </row>
    <row r="510" spans="1:2">
      <c r="A510" s="3">
        <v>508</v>
      </c>
      <c r="B510" t="s">
        <v>20</v>
      </c>
    </row>
    <row r="511" spans="1:2">
      <c r="A511" s="3">
        <v>509</v>
      </c>
      <c r="B511" t="s">
        <v>479</v>
      </c>
    </row>
    <row r="512" spans="1:2">
      <c r="A512" s="3">
        <v>510</v>
      </c>
      <c r="B512" t="s">
        <v>85</v>
      </c>
    </row>
    <row r="513" spans="1:2">
      <c r="A513" s="3">
        <v>511</v>
      </c>
      <c r="B513" t="s">
        <v>480</v>
      </c>
    </row>
    <row r="514" spans="1:2">
      <c r="A514" s="3">
        <v>512</v>
      </c>
      <c r="B514" t="s">
        <v>481</v>
      </c>
    </row>
    <row r="515" spans="1:2">
      <c r="A515" s="3">
        <v>513</v>
      </c>
      <c r="B515" t="s">
        <v>482</v>
      </c>
    </row>
    <row r="516" spans="1:2">
      <c r="A516" s="3">
        <v>514</v>
      </c>
      <c r="B516" t="s">
        <v>483</v>
      </c>
    </row>
    <row r="517" spans="1:2">
      <c r="A517" s="3">
        <v>515</v>
      </c>
      <c r="B517" t="s">
        <v>484</v>
      </c>
    </row>
    <row r="518" spans="1:2">
      <c r="A518" s="3">
        <v>516</v>
      </c>
      <c r="B518" t="s">
        <v>485</v>
      </c>
    </row>
    <row r="519" spans="1:2">
      <c r="A519" s="3">
        <v>517</v>
      </c>
      <c r="B519" t="s">
        <v>486</v>
      </c>
    </row>
    <row r="520" spans="1:2">
      <c r="A520" s="3">
        <v>518</v>
      </c>
      <c r="B520" t="s">
        <v>487</v>
      </c>
    </row>
    <row r="521" spans="1:2">
      <c r="A521" s="3">
        <v>519</v>
      </c>
      <c r="B521" t="s">
        <v>488</v>
      </c>
    </row>
    <row r="522" spans="1:2">
      <c r="A522" s="3">
        <v>520</v>
      </c>
      <c r="B522" t="s">
        <v>86</v>
      </c>
    </row>
    <row r="523" spans="1:2">
      <c r="A523" s="3">
        <v>521</v>
      </c>
      <c r="B523" t="s">
        <v>489</v>
      </c>
    </row>
    <row r="524" spans="1:2">
      <c r="A524" s="3">
        <v>522</v>
      </c>
      <c r="B524" t="s">
        <v>490</v>
      </c>
    </row>
    <row r="525" spans="1:2">
      <c r="A525" s="3">
        <v>523</v>
      </c>
      <c r="B525" t="s">
        <v>491</v>
      </c>
    </row>
    <row r="526" spans="1:2">
      <c r="A526" s="3">
        <v>524</v>
      </c>
      <c r="B526" t="s">
        <v>492</v>
      </c>
    </row>
    <row r="527" spans="1:2">
      <c r="A527" s="3">
        <v>525</v>
      </c>
      <c r="B527" t="s">
        <v>493</v>
      </c>
    </row>
    <row r="528" spans="1:2">
      <c r="A528" s="3">
        <v>526</v>
      </c>
      <c r="B528" t="s">
        <v>494</v>
      </c>
    </row>
    <row r="529" spans="1:2">
      <c r="A529" s="3">
        <v>527</v>
      </c>
      <c r="B529" t="s">
        <v>495</v>
      </c>
    </row>
    <row r="530" spans="1:2">
      <c r="A530" s="3">
        <v>528</v>
      </c>
      <c r="B530" t="s">
        <v>496</v>
      </c>
    </row>
    <row r="531" spans="1:2">
      <c r="A531" s="3">
        <v>529</v>
      </c>
      <c r="B531" t="s">
        <v>497</v>
      </c>
    </row>
    <row r="532" spans="1:2">
      <c r="A532" s="3">
        <v>530</v>
      </c>
      <c r="B532" t="s">
        <v>498</v>
      </c>
    </row>
    <row r="533" spans="1:2">
      <c r="A533" s="3">
        <v>531</v>
      </c>
      <c r="B533" t="s">
        <v>499</v>
      </c>
    </row>
    <row r="534" spans="1:2">
      <c r="A534" s="3">
        <v>532</v>
      </c>
      <c r="B534" t="s">
        <v>500</v>
      </c>
    </row>
    <row r="535" spans="1:2">
      <c r="A535" s="3">
        <v>533</v>
      </c>
      <c r="B535" t="s">
        <v>501</v>
      </c>
    </row>
    <row r="536" spans="1:2">
      <c r="A536" s="3">
        <v>534</v>
      </c>
      <c r="B536" t="s">
        <v>502</v>
      </c>
    </row>
    <row r="537" spans="1:2">
      <c r="A537" s="3">
        <v>535</v>
      </c>
      <c r="B537" t="s">
        <v>503</v>
      </c>
    </row>
    <row r="538" spans="1:2">
      <c r="A538" s="3">
        <v>536</v>
      </c>
      <c r="B538" t="s">
        <v>504</v>
      </c>
    </row>
    <row r="539" spans="1:2">
      <c r="A539" s="3">
        <v>537</v>
      </c>
      <c r="B539" t="s">
        <v>505</v>
      </c>
    </row>
    <row r="540" spans="1:2">
      <c r="A540" s="3">
        <v>538</v>
      </c>
      <c r="B540" t="s">
        <v>506</v>
      </c>
    </row>
    <row r="541" spans="1:2">
      <c r="A541" s="3">
        <v>539</v>
      </c>
      <c r="B541" t="s">
        <v>507</v>
      </c>
    </row>
    <row r="542" spans="1:2">
      <c r="A542" s="3">
        <v>540</v>
      </c>
      <c r="B542" t="s">
        <v>88</v>
      </c>
    </row>
    <row r="543" spans="1:2">
      <c r="A543" s="3">
        <v>541</v>
      </c>
      <c r="B543" t="s">
        <v>508</v>
      </c>
    </row>
    <row r="544" spans="1:2">
      <c r="A544" s="3">
        <v>542</v>
      </c>
      <c r="B544" t="s">
        <v>509</v>
      </c>
    </row>
    <row r="545" spans="1:2">
      <c r="A545" s="3">
        <v>543</v>
      </c>
      <c r="B545" t="s">
        <v>510</v>
      </c>
    </row>
    <row r="546" spans="1:2">
      <c r="A546" s="3">
        <v>544</v>
      </c>
      <c r="B546" t="s">
        <v>511</v>
      </c>
    </row>
    <row r="547" spans="1:2">
      <c r="A547" s="3">
        <v>545</v>
      </c>
      <c r="B547" t="s">
        <v>512</v>
      </c>
    </row>
    <row r="548" spans="1:2">
      <c r="A548" s="3" t="s">
        <v>517</v>
      </c>
      <c r="B548" t="s">
        <v>513</v>
      </c>
    </row>
    <row r="549" spans="1:2">
      <c r="A549" s="3">
        <v>547</v>
      </c>
      <c r="B549" t="s">
        <v>514</v>
      </c>
    </row>
    <row r="550" spans="1:2">
      <c r="A550" s="3">
        <v>548</v>
      </c>
      <c r="B550" t="s">
        <v>515</v>
      </c>
    </row>
    <row r="551" spans="1:2">
      <c r="A551" s="3">
        <v>549</v>
      </c>
      <c r="B551" t="s">
        <v>516</v>
      </c>
    </row>
    <row r="552" spans="1:2">
      <c r="A552" s="3">
        <v>550</v>
      </c>
      <c r="B552" t="s">
        <v>518</v>
      </c>
    </row>
    <row r="553" spans="1:2">
      <c r="A553" s="3">
        <v>551</v>
      </c>
      <c r="B553" t="s">
        <v>519</v>
      </c>
    </row>
    <row r="554" spans="1:2">
      <c r="A554" s="3">
        <v>552</v>
      </c>
      <c r="B554" t="s">
        <v>520</v>
      </c>
    </row>
    <row r="555" spans="1:2">
      <c r="A555" s="3">
        <v>553</v>
      </c>
      <c r="B555" t="s">
        <v>521</v>
      </c>
    </row>
    <row r="556" spans="1:2">
      <c r="A556" s="3">
        <v>554</v>
      </c>
      <c r="B556" t="s">
        <v>522</v>
      </c>
    </row>
    <row r="557" spans="1:2">
      <c r="A557" s="3">
        <v>555</v>
      </c>
      <c r="B557" t="s">
        <v>523</v>
      </c>
    </row>
    <row r="558" spans="1:2">
      <c r="A558" s="3">
        <v>556</v>
      </c>
      <c r="B558" t="s">
        <v>524</v>
      </c>
    </row>
    <row r="559" spans="1:2">
      <c r="A559" s="3">
        <v>557</v>
      </c>
      <c r="B559" t="s">
        <v>525</v>
      </c>
    </row>
    <row r="560" spans="1:2">
      <c r="A560" s="3">
        <v>558</v>
      </c>
      <c r="B560" t="s">
        <v>526</v>
      </c>
    </row>
    <row r="561" spans="1:2">
      <c r="A561" s="3">
        <v>559</v>
      </c>
      <c r="B561" t="s">
        <v>527</v>
      </c>
    </row>
    <row r="562" spans="1:2">
      <c r="A562" s="3">
        <v>560</v>
      </c>
      <c r="B562" t="s">
        <v>90</v>
      </c>
    </row>
    <row r="563" spans="1:2">
      <c r="A563" s="3">
        <v>561</v>
      </c>
      <c r="B563" t="s">
        <v>528</v>
      </c>
    </row>
    <row r="564" spans="1:2">
      <c r="A564" s="3">
        <v>562</v>
      </c>
      <c r="B564" t="s">
        <v>529</v>
      </c>
    </row>
    <row r="565" spans="1:2">
      <c r="A565" s="3">
        <v>563</v>
      </c>
      <c r="B565" t="s">
        <v>530</v>
      </c>
    </row>
    <row r="566" spans="1:2">
      <c r="A566" s="3">
        <v>564</v>
      </c>
      <c r="B566" t="s">
        <v>531</v>
      </c>
    </row>
    <row r="567" spans="1:2">
      <c r="A567" s="3">
        <v>565</v>
      </c>
      <c r="B567" t="s">
        <v>532</v>
      </c>
    </row>
    <row r="568" spans="1:2">
      <c r="A568" s="3">
        <v>566</v>
      </c>
      <c r="B568" t="s">
        <v>533</v>
      </c>
    </row>
    <row r="569" spans="1:2">
      <c r="A569" s="3">
        <v>567</v>
      </c>
      <c r="B569" t="s">
        <v>534</v>
      </c>
    </row>
    <row r="570" spans="1:2">
      <c r="A570" s="3">
        <v>568</v>
      </c>
      <c r="B570" t="s">
        <v>535</v>
      </c>
    </row>
    <row r="571" spans="1:2">
      <c r="A571" s="3">
        <v>569</v>
      </c>
      <c r="B571" t="s">
        <v>536</v>
      </c>
    </row>
    <row r="572" spans="1:2">
      <c r="A572" s="3">
        <v>570</v>
      </c>
      <c r="B572" t="s">
        <v>91</v>
      </c>
    </row>
    <row r="573" spans="1:2">
      <c r="A573" s="3">
        <v>571</v>
      </c>
      <c r="B573" t="s">
        <v>537</v>
      </c>
    </row>
    <row r="574" spans="1:2">
      <c r="A574" s="3">
        <v>572</v>
      </c>
      <c r="B574" t="s">
        <v>538</v>
      </c>
    </row>
    <row r="575" spans="1:2">
      <c r="A575" s="3">
        <v>573</v>
      </c>
      <c r="B575" t="s">
        <v>539</v>
      </c>
    </row>
    <row r="576" spans="1:2">
      <c r="A576" s="3">
        <v>574</v>
      </c>
      <c r="B576" t="s">
        <v>540</v>
      </c>
    </row>
    <row r="577" spans="1:2">
      <c r="A577" s="3">
        <v>575</v>
      </c>
      <c r="B577" t="s">
        <v>541</v>
      </c>
    </row>
    <row r="578" spans="1:2">
      <c r="A578" s="3">
        <v>576</v>
      </c>
      <c r="B578" t="s">
        <v>542</v>
      </c>
    </row>
    <row r="579" spans="1:2">
      <c r="A579" s="3">
        <v>577</v>
      </c>
      <c r="B579" t="s">
        <v>543</v>
      </c>
    </row>
    <row r="580" spans="1:2">
      <c r="A580" s="3">
        <v>578</v>
      </c>
      <c r="B580" t="s">
        <v>544</v>
      </c>
    </row>
    <row r="581" spans="1:2">
      <c r="A581" s="3">
        <v>579</v>
      </c>
      <c r="B581" t="s">
        <v>545</v>
      </c>
    </row>
    <row r="582" spans="1:2">
      <c r="A582" s="3">
        <v>580</v>
      </c>
      <c r="B582" t="s">
        <v>92</v>
      </c>
    </row>
    <row r="583" spans="1:2">
      <c r="A583" s="3">
        <v>581</v>
      </c>
      <c r="B583" t="s">
        <v>546</v>
      </c>
    </row>
    <row r="584" spans="1:2">
      <c r="A584" s="3">
        <v>582</v>
      </c>
      <c r="B584" t="s">
        <v>547</v>
      </c>
    </row>
    <row r="585" spans="1:2">
      <c r="A585" s="3">
        <v>583</v>
      </c>
      <c r="B585" t="s">
        <v>548</v>
      </c>
    </row>
    <row r="586" spans="1:2">
      <c r="A586" s="3">
        <v>584</v>
      </c>
      <c r="B586" t="s">
        <v>549</v>
      </c>
    </row>
    <row r="587" spans="1:2">
      <c r="A587" s="3">
        <v>585</v>
      </c>
      <c r="B587" t="s">
        <v>550</v>
      </c>
    </row>
    <row r="588" spans="1:2">
      <c r="A588" s="3">
        <v>586</v>
      </c>
      <c r="B588" t="s">
        <v>551</v>
      </c>
    </row>
    <row r="589" spans="1:2">
      <c r="A589" s="3">
        <v>587</v>
      </c>
      <c r="B589" t="s">
        <v>552</v>
      </c>
    </row>
    <row r="590" spans="1:2">
      <c r="A590" s="3">
        <v>588</v>
      </c>
      <c r="B590" t="s">
        <v>553</v>
      </c>
    </row>
    <row r="591" spans="1:2">
      <c r="A591" s="3">
        <v>589</v>
      </c>
      <c r="B591" t="s">
        <v>554</v>
      </c>
    </row>
    <row r="592" spans="1:2">
      <c r="A592" s="3">
        <v>590</v>
      </c>
      <c r="B592" t="s">
        <v>93</v>
      </c>
    </row>
    <row r="593" spans="1:2">
      <c r="A593" s="3">
        <v>591</v>
      </c>
      <c r="B593" t="s">
        <v>555</v>
      </c>
    </row>
    <row r="594" spans="1:2">
      <c r="A594" s="3">
        <v>592</v>
      </c>
      <c r="B594" t="s">
        <v>556</v>
      </c>
    </row>
    <row r="595" spans="1:2">
      <c r="A595" s="3">
        <v>593</v>
      </c>
      <c r="B595" t="s">
        <v>557</v>
      </c>
    </row>
    <row r="596" spans="1:2">
      <c r="A596" s="3">
        <v>594</v>
      </c>
      <c r="B596" t="s">
        <v>558</v>
      </c>
    </row>
    <row r="597" spans="1:2">
      <c r="A597" s="3">
        <v>595</v>
      </c>
      <c r="B597" t="s">
        <v>559</v>
      </c>
    </row>
    <row r="598" spans="1:2">
      <c r="A598" s="3">
        <v>596</v>
      </c>
      <c r="B598" t="s">
        <v>560</v>
      </c>
    </row>
    <row r="599" spans="1:2">
      <c r="A599" s="3">
        <v>597</v>
      </c>
      <c r="B599" t="s">
        <v>561</v>
      </c>
    </row>
    <row r="600" spans="1:2">
      <c r="A600" s="3">
        <v>598</v>
      </c>
      <c r="B600" t="s">
        <v>562</v>
      </c>
    </row>
    <row r="601" spans="1:2">
      <c r="A601" s="3">
        <v>599</v>
      </c>
      <c r="B601" t="s">
        <v>563</v>
      </c>
    </row>
    <row r="602" spans="1:2">
      <c r="A602" s="3">
        <v>600</v>
      </c>
      <c r="B602" t="s">
        <v>28</v>
      </c>
    </row>
    <row r="603" spans="1:2">
      <c r="A603" s="3">
        <v>601</v>
      </c>
      <c r="B603" t="s">
        <v>564</v>
      </c>
    </row>
    <row r="604" spans="1:2">
      <c r="A604" s="3">
        <v>602</v>
      </c>
      <c r="B604" t="s">
        <v>565</v>
      </c>
    </row>
    <row r="605" spans="1:2">
      <c r="A605" s="3">
        <v>603</v>
      </c>
      <c r="B605" t="s">
        <v>170</v>
      </c>
    </row>
    <row r="606" spans="1:2">
      <c r="A606" s="3">
        <v>604</v>
      </c>
      <c r="B606" t="s">
        <v>171</v>
      </c>
    </row>
    <row r="607" spans="1:2">
      <c r="A607" s="3">
        <v>605</v>
      </c>
      <c r="B607" t="s">
        <v>14</v>
      </c>
    </row>
    <row r="608" spans="1:2">
      <c r="A608" s="3">
        <v>606</v>
      </c>
      <c r="B608" t="s">
        <v>16</v>
      </c>
    </row>
    <row r="609" spans="1:2">
      <c r="A609" s="3">
        <v>607</v>
      </c>
      <c r="B609" t="s">
        <v>566</v>
      </c>
    </row>
    <row r="610" spans="1:2">
      <c r="A610" s="3">
        <v>608</v>
      </c>
      <c r="B610" t="s">
        <v>20</v>
      </c>
    </row>
    <row r="611" spans="1:2">
      <c r="A611" s="3">
        <v>609</v>
      </c>
      <c r="B611" t="s">
        <v>567</v>
      </c>
    </row>
    <row r="612" spans="1:2">
      <c r="A612" s="3">
        <v>610</v>
      </c>
      <c r="B612" t="s">
        <v>94</v>
      </c>
    </row>
    <row r="613" spans="1:2">
      <c r="A613" s="3">
        <v>611</v>
      </c>
      <c r="B613" t="s">
        <v>568</v>
      </c>
    </row>
    <row r="614" spans="1:2">
      <c r="A614" s="3">
        <v>612</v>
      </c>
      <c r="B614" t="s">
        <v>569</v>
      </c>
    </row>
    <row r="615" spans="1:2">
      <c r="A615" s="3">
        <v>613</v>
      </c>
      <c r="B615" t="s">
        <v>570</v>
      </c>
    </row>
    <row r="616" spans="1:2">
      <c r="A616" s="3">
        <v>614</v>
      </c>
      <c r="B616" t="s">
        <v>571</v>
      </c>
    </row>
    <row r="617" spans="1:2">
      <c r="A617" s="3">
        <v>615</v>
      </c>
      <c r="B617" t="s">
        <v>572</v>
      </c>
    </row>
    <row r="618" spans="1:2">
      <c r="A618" s="3">
        <v>616</v>
      </c>
      <c r="B618" t="s">
        <v>573</v>
      </c>
    </row>
    <row r="619" spans="1:2">
      <c r="A619" s="3">
        <v>617</v>
      </c>
      <c r="B619" t="s">
        <v>574</v>
      </c>
    </row>
    <row r="620" spans="1:2">
      <c r="A620" s="3">
        <v>618</v>
      </c>
      <c r="B620" t="s">
        <v>575</v>
      </c>
    </row>
    <row r="621" spans="1:2">
      <c r="A621" s="3">
        <v>619</v>
      </c>
      <c r="B621" t="s">
        <v>576</v>
      </c>
    </row>
    <row r="622" spans="1:2">
      <c r="A622" s="3">
        <v>620</v>
      </c>
      <c r="B622" t="s">
        <v>577</v>
      </c>
    </row>
    <row r="623" spans="1:2">
      <c r="A623" s="3">
        <v>621</v>
      </c>
      <c r="B623" t="s">
        <v>578</v>
      </c>
    </row>
    <row r="624" spans="1:2">
      <c r="A624" s="3">
        <v>622</v>
      </c>
      <c r="B624" t="s">
        <v>579</v>
      </c>
    </row>
    <row r="625" spans="1:2">
      <c r="A625" s="3">
        <v>623</v>
      </c>
      <c r="B625" t="s">
        <v>580</v>
      </c>
    </row>
    <row r="626" spans="1:2">
      <c r="A626" s="3">
        <v>624</v>
      </c>
      <c r="B626" t="s">
        <v>581</v>
      </c>
    </row>
    <row r="627" spans="1:2">
      <c r="A627" s="3">
        <v>625</v>
      </c>
      <c r="B627" t="s">
        <v>582</v>
      </c>
    </row>
    <row r="628" spans="1:2">
      <c r="A628" s="3">
        <v>626</v>
      </c>
      <c r="B628" t="s">
        <v>583</v>
      </c>
    </row>
    <row r="629" spans="1:2">
      <c r="A629" s="3">
        <v>627</v>
      </c>
      <c r="B629" t="s">
        <v>584</v>
      </c>
    </row>
    <row r="630" spans="1:2">
      <c r="A630" s="3">
        <v>628</v>
      </c>
      <c r="B630" t="s">
        <v>585</v>
      </c>
    </row>
    <row r="631" spans="1:2">
      <c r="A631" s="3">
        <v>629</v>
      </c>
      <c r="B631" t="s">
        <v>586</v>
      </c>
    </row>
    <row r="632" spans="1:2">
      <c r="A632" s="3">
        <v>630</v>
      </c>
      <c r="B632" t="s">
        <v>96</v>
      </c>
    </row>
    <row r="633" spans="1:2">
      <c r="A633" s="3">
        <v>631</v>
      </c>
      <c r="B633" t="s">
        <v>587</v>
      </c>
    </row>
    <row r="634" spans="1:2">
      <c r="A634" s="3">
        <v>632</v>
      </c>
      <c r="B634" t="s">
        <v>588</v>
      </c>
    </row>
    <row r="635" spans="1:2">
      <c r="A635" s="3">
        <v>633</v>
      </c>
      <c r="B635" t="s">
        <v>589</v>
      </c>
    </row>
    <row r="636" spans="1:2">
      <c r="A636" s="3">
        <v>634</v>
      </c>
      <c r="B636" t="s">
        <v>590</v>
      </c>
    </row>
    <row r="637" spans="1:2">
      <c r="A637" s="3">
        <v>635</v>
      </c>
      <c r="B637" t="s">
        <v>591</v>
      </c>
    </row>
    <row r="638" spans="1:2">
      <c r="A638" s="3">
        <v>636</v>
      </c>
      <c r="B638" t="s">
        <v>592</v>
      </c>
    </row>
    <row r="639" spans="1:2">
      <c r="A639" s="3">
        <v>637</v>
      </c>
      <c r="B639" t="s">
        <v>593</v>
      </c>
    </row>
    <row r="640" spans="1:2">
      <c r="A640" s="3">
        <v>638</v>
      </c>
      <c r="B640" t="s">
        <v>594</v>
      </c>
    </row>
    <row r="641" spans="1:3">
      <c r="A641" s="3">
        <v>639</v>
      </c>
      <c r="B641" t="s">
        <v>595</v>
      </c>
    </row>
    <row r="642" spans="1:3">
      <c r="A642" s="3">
        <v>640</v>
      </c>
      <c r="B642" t="s">
        <v>596</v>
      </c>
    </row>
    <row r="643" spans="1:3">
      <c r="A643" s="3">
        <v>641</v>
      </c>
      <c r="B643" t="s">
        <v>597</v>
      </c>
    </row>
    <row r="644" spans="1:3">
      <c r="A644" s="3">
        <v>642</v>
      </c>
      <c r="B644" t="s">
        <v>598</v>
      </c>
    </row>
    <row r="645" spans="1:3">
      <c r="A645" s="3">
        <v>643</v>
      </c>
      <c r="B645" t="s">
        <v>599</v>
      </c>
    </row>
    <row r="646" spans="1:3">
      <c r="A646" s="3">
        <v>644</v>
      </c>
      <c r="B646" t="s">
        <v>600</v>
      </c>
    </row>
    <row r="647" spans="1:3">
      <c r="A647" s="3">
        <v>645</v>
      </c>
      <c r="B647" t="s">
        <v>601</v>
      </c>
    </row>
    <row r="648" spans="1:3">
      <c r="A648" s="3">
        <v>646</v>
      </c>
      <c r="B648" t="s">
        <v>602</v>
      </c>
    </row>
    <row r="649" spans="1:3">
      <c r="A649" s="3" t="s">
        <v>605</v>
      </c>
      <c r="B649" t="s">
        <v>606</v>
      </c>
      <c r="C649">
        <v>646</v>
      </c>
    </row>
    <row r="650" spans="1:3">
      <c r="A650" s="3">
        <v>648</v>
      </c>
      <c r="B650" t="s">
        <v>603</v>
      </c>
    </row>
    <row r="651" spans="1:3">
      <c r="A651" s="3">
        <v>649</v>
      </c>
      <c r="B651" t="s">
        <v>604</v>
      </c>
    </row>
    <row r="652" spans="1:3">
      <c r="A652" s="3">
        <v>650</v>
      </c>
      <c r="B652" t="s">
        <v>607</v>
      </c>
    </row>
    <row r="653" spans="1:3">
      <c r="A653" s="3">
        <v>651</v>
      </c>
      <c r="B653" t="s">
        <v>608</v>
      </c>
    </row>
    <row r="654" spans="1:3">
      <c r="A654" s="3">
        <v>652</v>
      </c>
      <c r="B654" t="s">
        <v>609</v>
      </c>
    </row>
    <row r="655" spans="1:3">
      <c r="A655" s="3">
        <v>653</v>
      </c>
      <c r="B655" t="s">
        <v>610</v>
      </c>
    </row>
    <row r="656" spans="1:3">
      <c r="A656" s="3">
        <v>654</v>
      </c>
      <c r="B656" t="s">
        <v>611</v>
      </c>
    </row>
    <row r="657" spans="1:2">
      <c r="A657" s="3">
        <v>655</v>
      </c>
      <c r="B657" t="s">
        <v>612</v>
      </c>
    </row>
    <row r="658" spans="1:2">
      <c r="A658" s="3">
        <v>656</v>
      </c>
      <c r="B658" t="s">
        <v>613</v>
      </c>
    </row>
    <row r="659" spans="1:2">
      <c r="A659" s="3">
        <v>657</v>
      </c>
      <c r="B659" t="s">
        <v>614</v>
      </c>
    </row>
    <row r="660" spans="1:2">
      <c r="A660" s="3">
        <v>658</v>
      </c>
      <c r="B660" t="s">
        <v>615</v>
      </c>
    </row>
    <row r="661" spans="1:2">
      <c r="A661" s="3">
        <v>659</v>
      </c>
      <c r="B661" t="s">
        <v>616</v>
      </c>
    </row>
    <row r="662" spans="1:2">
      <c r="A662" s="3">
        <v>660</v>
      </c>
      <c r="B662" t="s">
        <v>99</v>
      </c>
    </row>
    <row r="663" spans="1:2">
      <c r="A663" s="3">
        <v>661</v>
      </c>
      <c r="B663" t="s">
        <v>617</v>
      </c>
    </row>
    <row r="664" spans="1:2">
      <c r="A664" s="3">
        <v>662</v>
      </c>
      <c r="B664" t="s">
        <v>618</v>
      </c>
    </row>
    <row r="665" spans="1:2">
      <c r="A665" s="3">
        <v>663</v>
      </c>
      <c r="B665" t="s">
        <v>619</v>
      </c>
    </row>
    <row r="666" spans="1:2">
      <c r="A666" s="3">
        <v>664</v>
      </c>
      <c r="B666" t="s">
        <v>620</v>
      </c>
    </row>
    <row r="667" spans="1:2">
      <c r="A667" s="3">
        <v>665</v>
      </c>
      <c r="B667" t="s">
        <v>621</v>
      </c>
    </row>
    <row r="668" spans="1:2">
      <c r="A668" s="3">
        <v>666</v>
      </c>
      <c r="B668" t="s">
        <v>622</v>
      </c>
    </row>
    <row r="669" spans="1:2">
      <c r="A669" s="3">
        <v>667</v>
      </c>
      <c r="B669" t="s">
        <v>623</v>
      </c>
    </row>
    <row r="670" spans="1:2">
      <c r="A670" s="3">
        <v>668</v>
      </c>
      <c r="B670" t="s">
        <v>624</v>
      </c>
    </row>
    <row r="671" spans="1:2">
      <c r="A671" s="3">
        <v>669</v>
      </c>
      <c r="B671" t="s">
        <v>625</v>
      </c>
    </row>
    <row r="672" spans="1:2">
      <c r="A672" s="3">
        <v>670</v>
      </c>
      <c r="B672" t="s">
        <v>100</v>
      </c>
    </row>
    <row r="673" spans="1:2">
      <c r="A673" s="3">
        <v>671</v>
      </c>
      <c r="B673" t="s">
        <v>626</v>
      </c>
    </row>
    <row r="674" spans="1:2">
      <c r="A674" s="3">
        <v>672</v>
      </c>
      <c r="B674" t="s">
        <v>627</v>
      </c>
    </row>
    <row r="675" spans="1:2">
      <c r="A675" s="3">
        <v>673</v>
      </c>
      <c r="B675" t="s">
        <v>628</v>
      </c>
    </row>
    <row r="676" spans="1:2">
      <c r="A676" s="3">
        <v>674</v>
      </c>
      <c r="B676" t="s">
        <v>629</v>
      </c>
    </row>
    <row r="677" spans="1:2">
      <c r="A677" s="3">
        <v>675</v>
      </c>
      <c r="B677" t="s">
        <v>630</v>
      </c>
    </row>
    <row r="678" spans="1:2">
      <c r="A678" s="3">
        <v>676</v>
      </c>
      <c r="B678" t="s">
        <v>631</v>
      </c>
    </row>
    <row r="679" spans="1:2">
      <c r="A679" s="3">
        <v>677</v>
      </c>
    </row>
    <row r="680" spans="1:2">
      <c r="A680" s="3">
        <v>678</v>
      </c>
      <c r="B680" t="s">
        <v>632</v>
      </c>
    </row>
    <row r="681" spans="1:2">
      <c r="A681" s="3">
        <v>679</v>
      </c>
    </row>
    <row r="682" spans="1:2">
      <c r="A682" s="3">
        <v>680</v>
      </c>
      <c r="B682" t="s">
        <v>633</v>
      </c>
    </row>
    <row r="683" spans="1:2">
      <c r="A683" s="3">
        <v>681</v>
      </c>
      <c r="B683" t="s">
        <v>634</v>
      </c>
    </row>
    <row r="684" spans="1:2">
      <c r="A684" s="3">
        <v>682</v>
      </c>
      <c r="B684" t="s">
        <v>635</v>
      </c>
    </row>
    <row r="685" spans="1:2">
      <c r="A685" s="3">
        <v>683</v>
      </c>
      <c r="B685" t="s">
        <v>636</v>
      </c>
    </row>
    <row r="686" spans="1:2">
      <c r="A686" s="3">
        <v>684</v>
      </c>
      <c r="B686" t="s">
        <v>637</v>
      </c>
    </row>
    <row r="687" spans="1:2">
      <c r="A687" s="3">
        <v>685</v>
      </c>
      <c r="B687" t="s">
        <v>638</v>
      </c>
    </row>
    <row r="688" spans="1:2">
      <c r="A688" s="3">
        <v>686</v>
      </c>
      <c r="B688" t="s">
        <v>639</v>
      </c>
    </row>
    <row r="689" spans="1:2">
      <c r="A689" s="3">
        <v>687</v>
      </c>
      <c r="B689" t="s">
        <v>640</v>
      </c>
    </row>
    <row r="690" spans="1:2">
      <c r="A690" s="3">
        <v>688</v>
      </c>
      <c r="B690" t="s">
        <v>641</v>
      </c>
    </row>
    <row r="691" spans="1:2">
      <c r="A691" s="3">
        <v>689</v>
      </c>
      <c r="B691" t="s">
        <v>642</v>
      </c>
    </row>
    <row r="692" spans="1:2">
      <c r="A692" s="3">
        <v>690</v>
      </c>
      <c r="B692" t="s">
        <v>102</v>
      </c>
    </row>
    <row r="693" spans="1:2">
      <c r="A693" s="3">
        <v>691</v>
      </c>
      <c r="B693" t="s">
        <v>643</v>
      </c>
    </row>
    <row r="694" spans="1:2">
      <c r="A694" s="3">
        <v>692</v>
      </c>
      <c r="B694" t="s">
        <v>644</v>
      </c>
    </row>
    <row r="695" spans="1:2">
      <c r="A695" s="3">
        <v>693</v>
      </c>
      <c r="B695" t="s">
        <v>645</v>
      </c>
    </row>
    <row r="696" spans="1:2">
      <c r="A696" s="3">
        <v>694</v>
      </c>
      <c r="B696" t="s">
        <v>646</v>
      </c>
    </row>
    <row r="697" spans="1:2">
      <c r="A697" s="3">
        <v>695</v>
      </c>
    </row>
    <row r="698" spans="1:2">
      <c r="A698" s="3">
        <v>696</v>
      </c>
    </row>
    <row r="699" spans="1:2">
      <c r="A699" s="3">
        <v>697</v>
      </c>
    </row>
    <row r="700" spans="1:2">
      <c r="A700" s="3">
        <v>698</v>
      </c>
    </row>
    <row r="701" spans="1:2">
      <c r="A701" s="3">
        <v>699</v>
      </c>
      <c r="B701" t="s">
        <v>647</v>
      </c>
    </row>
    <row r="702" spans="1:2">
      <c r="A702" s="3">
        <v>700</v>
      </c>
      <c r="B702" t="s">
        <v>33</v>
      </c>
    </row>
    <row r="703" spans="1:2">
      <c r="A703" s="3">
        <v>701</v>
      </c>
      <c r="B703" t="s">
        <v>648</v>
      </c>
    </row>
    <row r="704" spans="1:2">
      <c r="A704" s="3">
        <v>702</v>
      </c>
      <c r="B704" t="s">
        <v>649</v>
      </c>
    </row>
    <row r="705" spans="1:2">
      <c r="A705" s="3">
        <v>703</v>
      </c>
      <c r="B705" t="s">
        <v>170</v>
      </c>
    </row>
    <row r="706" spans="1:2">
      <c r="A706" s="3">
        <v>704</v>
      </c>
      <c r="B706" t="s">
        <v>171</v>
      </c>
    </row>
    <row r="707" spans="1:2">
      <c r="A707" s="3">
        <v>705</v>
      </c>
      <c r="B707" t="s">
        <v>14</v>
      </c>
    </row>
    <row r="708" spans="1:2">
      <c r="A708" s="3">
        <v>706</v>
      </c>
      <c r="B708" t="s">
        <v>16</v>
      </c>
    </row>
    <row r="709" spans="1:2">
      <c r="A709" s="3">
        <v>707</v>
      </c>
      <c r="B709" t="s">
        <v>650</v>
      </c>
    </row>
    <row r="710" spans="1:2">
      <c r="A710" s="3">
        <v>708</v>
      </c>
      <c r="B710" t="s">
        <v>20</v>
      </c>
    </row>
    <row r="711" spans="1:2">
      <c r="A711" s="3">
        <v>709</v>
      </c>
      <c r="B711" t="s">
        <v>651</v>
      </c>
    </row>
    <row r="712" spans="1:2">
      <c r="A712" s="3">
        <v>710</v>
      </c>
      <c r="B712" t="s">
        <v>652</v>
      </c>
    </row>
    <row r="713" spans="1:2">
      <c r="A713" s="3">
        <v>711</v>
      </c>
      <c r="B713" t="s">
        <v>653</v>
      </c>
    </row>
    <row r="714" spans="1:2">
      <c r="A714" s="3">
        <v>712</v>
      </c>
      <c r="B714" t="s">
        <v>654</v>
      </c>
    </row>
    <row r="715" spans="1:2">
      <c r="A715" s="3">
        <v>713</v>
      </c>
      <c r="B715" t="s">
        <v>655</v>
      </c>
    </row>
    <row r="716" spans="1:2">
      <c r="A716" s="3">
        <v>714</v>
      </c>
      <c r="B716" t="s">
        <v>656</v>
      </c>
    </row>
    <row r="717" spans="1:2">
      <c r="A717" s="3">
        <v>715</v>
      </c>
      <c r="B717" t="s">
        <v>657</v>
      </c>
    </row>
    <row r="718" spans="1:2">
      <c r="A718" s="3">
        <v>716</v>
      </c>
    </row>
    <row r="719" spans="1:2">
      <c r="A719" s="3">
        <v>717</v>
      </c>
      <c r="B719" t="s">
        <v>658</v>
      </c>
    </row>
    <row r="720" spans="1:2">
      <c r="A720" s="3">
        <v>718</v>
      </c>
      <c r="B720" t="s">
        <v>659</v>
      </c>
    </row>
    <row r="721" spans="1:2">
      <c r="A721" s="3">
        <v>719</v>
      </c>
      <c r="B721" t="s">
        <v>660</v>
      </c>
    </row>
    <row r="722" spans="1:2">
      <c r="A722" s="3">
        <v>720</v>
      </c>
      <c r="B722" t="s">
        <v>661</v>
      </c>
    </row>
    <row r="723" spans="1:2">
      <c r="A723" s="3">
        <v>721</v>
      </c>
      <c r="B723" t="s">
        <v>662</v>
      </c>
    </row>
    <row r="724" spans="1:2">
      <c r="A724" s="3">
        <v>722</v>
      </c>
      <c r="B724" t="s">
        <v>663</v>
      </c>
    </row>
    <row r="725" spans="1:2">
      <c r="A725" s="3">
        <v>723</v>
      </c>
      <c r="B725" t="s">
        <v>664</v>
      </c>
    </row>
    <row r="726" spans="1:2">
      <c r="A726" s="3">
        <v>724</v>
      </c>
      <c r="B726" t="s">
        <v>665</v>
      </c>
    </row>
    <row r="727" spans="1:2">
      <c r="A727" s="3">
        <v>725</v>
      </c>
      <c r="B727" t="s">
        <v>666</v>
      </c>
    </row>
    <row r="728" spans="1:2">
      <c r="A728" s="3">
        <v>726</v>
      </c>
      <c r="B728" t="s">
        <v>667</v>
      </c>
    </row>
    <row r="729" spans="1:2">
      <c r="A729" s="3">
        <v>727</v>
      </c>
      <c r="B729" t="s">
        <v>668</v>
      </c>
    </row>
    <row r="730" spans="1:2">
      <c r="A730" s="3">
        <v>728</v>
      </c>
      <c r="B730" t="s">
        <v>669</v>
      </c>
    </row>
    <row r="731" spans="1:2">
      <c r="A731" s="3">
        <v>729</v>
      </c>
    </row>
    <row r="732" spans="1:2">
      <c r="A732" s="3">
        <v>730</v>
      </c>
      <c r="B732" t="s">
        <v>670</v>
      </c>
    </row>
    <row r="733" spans="1:2">
      <c r="A733" s="3">
        <v>731</v>
      </c>
      <c r="B733" t="s">
        <v>671</v>
      </c>
    </row>
    <row r="734" spans="1:2">
      <c r="A734" s="3">
        <v>732</v>
      </c>
      <c r="B734" t="s">
        <v>672</v>
      </c>
    </row>
    <row r="735" spans="1:2">
      <c r="A735" s="3">
        <v>733</v>
      </c>
      <c r="B735" t="s">
        <v>673</v>
      </c>
    </row>
    <row r="736" spans="1:2">
      <c r="A736" s="3">
        <v>734</v>
      </c>
      <c r="B736" t="s">
        <v>674</v>
      </c>
    </row>
    <row r="737" spans="1:2">
      <c r="A737" s="3">
        <v>735</v>
      </c>
      <c r="B737" t="s">
        <v>675</v>
      </c>
    </row>
    <row r="738" spans="1:2">
      <c r="A738" s="3">
        <v>736</v>
      </c>
      <c r="B738" t="s">
        <v>676</v>
      </c>
    </row>
    <row r="739" spans="1:2">
      <c r="A739" s="3">
        <v>737</v>
      </c>
      <c r="B739" t="s">
        <v>677</v>
      </c>
    </row>
    <row r="740" spans="1:2">
      <c r="A740" s="3">
        <v>738</v>
      </c>
    </row>
    <row r="741" spans="1:2">
      <c r="A741" s="3">
        <v>739</v>
      </c>
      <c r="B741" t="s">
        <v>678</v>
      </c>
    </row>
    <row r="742" spans="1:2">
      <c r="A742" s="3">
        <v>740</v>
      </c>
      <c r="B742" t="s">
        <v>679</v>
      </c>
    </row>
    <row r="743" spans="1:2">
      <c r="A743" s="3">
        <v>741</v>
      </c>
    </row>
    <row r="744" spans="1:2">
      <c r="A744" s="3">
        <v>742</v>
      </c>
      <c r="B744" t="s">
        <v>680</v>
      </c>
    </row>
    <row r="745" spans="1:2">
      <c r="A745" s="3">
        <v>743</v>
      </c>
      <c r="B745" t="s">
        <v>681</v>
      </c>
    </row>
    <row r="746" spans="1:2">
      <c r="A746" s="3">
        <v>744</v>
      </c>
      <c r="B746" t="s">
        <v>682</v>
      </c>
    </row>
    <row r="747" spans="1:2">
      <c r="A747" s="3">
        <v>745</v>
      </c>
      <c r="B747" t="s">
        <v>683</v>
      </c>
    </row>
    <row r="748" spans="1:2">
      <c r="A748" s="3">
        <v>746</v>
      </c>
      <c r="B748" t="s">
        <v>684</v>
      </c>
    </row>
    <row r="749" spans="1:2">
      <c r="A749" s="3">
        <v>747</v>
      </c>
      <c r="B749" t="s">
        <v>685</v>
      </c>
    </row>
    <row r="750" spans="1:2">
      <c r="A750" s="3">
        <v>748</v>
      </c>
      <c r="B750" t="s">
        <v>686</v>
      </c>
    </row>
    <row r="751" spans="1:2">
      <c r="A751" s="3">
        <v>749</v>
      </c>
      <c r="B751" t="s">
        <v>687</v>
      </c>
    </row>
    <row r="752" spans="1:2">
      <c r="A752" s="3">
        <v>750</v>
      </c>
      <c r="B752" t="s">
        <v>107</v>
      </c>
    </row>
    <row r="753" spans="1:2">
      <c r="A753" s="3">
        <v>751</v>
      </c>
      <c r="B753" t="s">
        <v>688</v>
      </c>
    </row>
    <row r="754" spans="1:2">
      <c r="A754" s="3">
        <v>752</v>
      </c>
      <c r="B754" t="s">
        <v>689</v>
      </c>
    </row>
    <row r="755" spans="1:2">
      <c r="A755" s="3">
        <v>753</v>
      </c>
      <c r="B755" t="s">
        <v>690</v>
      </c>
    </row>
    <row r="756" spans="1:2">
      <c r="A756" s="3">
        <v>754</v>
      </c>
      <c r="B756" t="s">
        <v>691</v>
      </c>
    </row>
    <row r="757" spans="1:2">
      <c r="A757" s="3">
        <v>755</v>
      </c>
      <c r="B757" t="s">
        <v>692</v>
      </c>
    </row>
    <row r="758" spans="1:2">
      <c r="A758" s="3">
        <v>756</v>
      </c>
      <c r="B758" t="s">
        <v>693</v>
      </c>
    </row>
    <row r="759" spans="1:2">
      <c r="A759" s="3">
        <v>757</v>
      </c>
      <c r="B759" t="s">
        <v>694</v>
      </c>
    </row>
    <row r="760" spans="1:2">
      <c r="A760" s="3">
        <v>758</v>
      </c>
      <c r="B760" t="s">
        <v>695</v>
      </c>
    </row>
    <row r="761" spans="1:2">
      <c r="A761" s="3">
        <v>759</v>
      </c>
      <c r="B761" t="s">
        <v>696</v>
      </c>
    </row>
    <row r="762" spans="1:2">
      <c r="A762" s="3">
        <v>760</v>
      </c>
      <c r="B762" t="s">
        <v>697</v>
      </c>
    </row>
    <row r="763" spans="1:2">
      <c r="A763" s="3">
        <v>761</v>
      </c>
      <c r="B763" t="s">
        <v>698</v>
      </c>
    </row>
    <row r="764" spans="1:2">
      <c r="A764" s="3">
        <v>762</v>
      </c>
      <c r="B764" t="s">
        <v>699</v>
      </c>
    </row>
    <row r="765" spans="1:2">
      <c r="A765" s="3">
        <v>763</v>
      </c>
      <c r="B765" t="s">
        <v>700</v>
      </c>
    </row>
    <row r="766" spans="1:2">
      <c r="A766" s="3">
        <v>764</v>
      </c>
      <c r="B766" t="s">
        <v>701</v>
      </c>
    </row>
    <row r="767" spans="1:2">
      <c r="A767" s="3">
        <v>765</v>
      </c>
      <c r="B767" t="s">
        <v>702</v>
      </c>
    </row>
    <row r="768" spans="1:2">
      <c r="A768" s="3">
        <v>766</v>
      </c>
      <c r="B768" t="s">
        <v>703</v>
      </c>
    </row>
    <row r="769" spans="1:2">
      <c r="A769" s="3">
        <v>767</v>
      </c>
      <c r="B769" t="s">
        <v>704</v>
      </c>
    </row>
    <row r="770" spans="1:2">
      <c r="A770" s="3">
        <v>768</v>
      </c>
      <c r="B770" t="s">
        <v>705</v>
      </c>
    </row>
    <row r="771" spans="1:2">
      <c r="A771" s="3">
        <v>769</v>
      </c>
      <c r="B771" t="s">
        <v>706</v>
      </c>
    </row>
    <row r="772" spans="1:2">
      <c r="A772" s="3">
        <v>770</v>
      </c>
      <c r="B772" t="s">
        <v>707</v>
      </c>
    </row>
    <row r="773" spans="1:2">
      <c r="A773" s="3">
        <v>771</v>
      </c>
      <c r="B773" t="s">
        <v>708</v>
      </c>
    </row>
    <row r="774" spans="1:2">
      <c r="A774" s="3">
        <v>772</v>
      </c>
      <c r="B774" t="s">
        <v>709</v>
      </c>
    </row>
    <row r="775" spans="1:2">
      <c r="A775" s="3">
        <v>773</v>
      </c>
      <c r="B775" t="s">
        <v>710</v>
      </c>
    </row>
    <row r="776" spans="1:2">
      <c r="A776" s="3">
        <v>774</v>
      </c>
      <c r="B776" t="s">
        <v>711</v>
      </c>
    </row>
    <row r="777" spans="1:2">
      <c r="A777" s="3">
        <v>775</v>
      </c>
      <c r="B777" t="s">
        <v>712</v>
      </c>
    </row>
    <row r="778" spans="1:2">
      <c r="A778" s="3">
        <v>776</v>
      </c>
    </row>
    <row r="779" spans="1:2">
      <c r="A779" s="3">
        <v>777</v>
      </c>
      <c r="B779" t="s">
        <v>713</v>
      </c>
    </row>
    <row r="780" spans="1:2">
      <c r="A780" s="3">
        <v>778</v>
      </c>
      <c r="B780" t="s">
        <v>714</v>
      </c>
    </row>
    <row r="781" spans="1:2">
      <c r="A781" s="3">
        <v>779</v>
      </c>
      <c r="B781" t="s">
        <v>715</v>
      </c>
    </row>
    <row r="782" spans="1:2">
      <c r="A782" s="3">
        <v>780</v>
      </c>
      <c r="B782" t="s">
        <v>110</v>
      </c>
    </row>
    <row r="783" spans="1:2">
      <c r="A783" s="3">
        <v>781</v>
      </c>
      <c r="B783" t="s">
        <v>716</v>
      </c>
    </row>
    <row r="784" spans="1:2">
      <c r="A784" s="3">
        <v>782</v>
      </c>
      <c r="B784" t="s">
        <v>717</v>
      </c>
    </row>
    <row r="785" spans="1:2">
      <c r="A785" s="3">
        <v>783</v>
      </c>
      <c r="B785" t="s">
        <v>718</v>
      </c>
    </row>
    <row r="786" spans="1:2">
      <c r="A786" s="3">
        <v>784</v>
      </c>
      <c r="B786" t="s">
        <v>719</v>
      </c>
    </row>
    <row r="787" spans="1:2">
      <c r="A787" s="3">
        <v>785</v>
      </c>
      <c r="B787" t="s">
        <v>720</v>
      </c>
    </row>
    <row r="788" spans="1:2">
      <c r="A788" s="3">
        <v>786</v>
      </c>
      <c r="B788" t="s">
        <v>721</v>
      </c>
    </row>
    <row r="789" spans="1:2">
      <c r="A789" s="3">
        <v>787</v>
      </c>
      <c r="B789" t="s">
        <v>722</v>
      </c>
    </row>
    <row r="790" spans="1:2">
      <c r="A790" s="3">
        <v>788</v>
      </c>
      <c r="B790" t="s">
        <v>723</v>
      </c>
    </row>
    <row r="791" spans="1:2">
      <c r="A791" s="3">
        <v>789</v>
      </c>
      <c r="B791" t="s">
        <v>724</v>
      </c>
    </row>
    <row r="792" spans="1:2">
      <c r="A792" s="3">
        <v>790</v>
      </c>
      <c r="B792" t="s">
        <v>111</v>
      </c>
    </row>
    <row r="793" spans="1:2">
      <c r="A793" s="3">
        <v>791</v>
      </c>
      <c r="B793" t="s">
        <v>725</v>
      </c>
    </row>
    <row r="794" spans="1:2">
      <c r="A794" s="3">
        <v>792</v>
      </c>
      <c r="B794" t="s">
        <v>726</v>
      </c>
    </row>
    <row r="795" spans="1:2">
      <c r="A795" s="3">
        <v>793</v>
      </c>
      <c r="B795" t="s">
        <v>727</v>
      </c>
    </row>
    <row r="796" spans="1:2">
      <c r="A796" s="3">
        <v>794</v>
      </c>
      <c r="B796" t="s">
        <v>728</v>
      </c>
    </row>
    <row r="797" spans="1:2">
      <c r="A797" s="3">
        <v>795</v>
      </c>
      <c r="B797" t="s">
        <v>729</v>
      </c>
    </row>
    <row r="798" spans="1:2">
      <c r="A798" s="3">
        <v>796</v>
      </c>
      <c r="B798" t="s">
        <v>730</v>
      </c>
    </row>
    <row r="799" spans="1:2">
      <c r="A799" s="3">
        <v>797</v>
      </c>
      <c r="B799" t="s">
        <v>731</v>
      </c>
    </row>
    <row r="800" spans="1:2">
      <c r="A800" s="3">
        <v>798</v>
      </c>
      <c r="B800" t="s">
        <v>732</v>
      </c>
    </row>
    <row r="801" spans="1:2">
      <c r="A801" s="3">
        <v>799</v>
      </c>
      <c r="B801" t="s">
        <v>733</v>
      </c>
    </row>
    <row r="802" spans="1:2">
      <c r="A802" s="3">
        <v>800</v>
      </c>
      <c r="B802" t="s">
        <v>29</v>
      </c>
    </row>
    <row r="803" spans="1:2">
      <c r="A803" s="3">
        <v>801</v>
      </c>
      <c r="B803" t="s">
        <v>734</v>
      </c>
    </row>
    <row r="804" spans="1:2">
      <c r="A804" s="3">
        <v>802</v>
      </c>
      <c r="B804" t="s">
        <v>735</v>
      </c>
    </row>
    <row r="805" spans="1:2">
      <c r="A805" s="3">
        <v>803</v>
      </c>
      <c r="B805" t="s">
        <v>170</v>
      </c>
    </row>
    <row r="806" spans="1:2">
      <c r="A806" s="3">
        <v>804</v>
      </c>
      <c r="B806" t="s">
        <v>171</v>
      </c>
    </row>
    <row r="807" spans="1:2">
      <c r="A807" s="3">
        <v>805</v>
      </c>
      <c r="B807" t="s">
        <v>14</v>
      </c>
    </row>
    <row r="808" spans="1:2">
      <c r="A808" s="3">
        <v>806</v>
      </c>
      <c r="B808" t="s">
        <v>16</v>
      </c>
    </row>
    <row r="809" spans="1:2">
      <c r="A809" s="3">
        <v>807</v>
      </c>
      <c r="B809" t="s">
        <v>736</v>
      </c>
    </row>
    <row r="810" spans="1:2">
      <c r="A810" s="3">
        <v>808</v>
      </c>
      <c r="B810" t="s">
        <v>20</v>
      </c>
    </row>
    <row r="811" spans="1:2">
      <c r="A811" s="3">
        <v>809</v>
      </c>
      <c r="B811" t="s">
        <v>737</v>
      </c>
    </row>
    <row r="812" spans="1:2">
      <c r="A812" s="3">
        <v>810</v>
      </c>
      <c r="B812" t="s">
        <v>112</v>
      </c>
    </row>
    <row r="813" spans="1:2">
      <c r="A813" s="3">
        <v>811</v>
      </c>
      <c r="B813" t="s">
        <v>738</v>
      </c>
    </row>
    <row r="814" spans="1:2">
      <c r="A814" s="3">
        <v>812</v>
      </c>
      <c r="B814" t="s">
        <v>739</v>
      </c>
    </row>
    <row r="815" spans="1:2">
      <c r="A815" s="3">
        <v>813</v>
      </c>
      <c r="B815" t="s">
        <v>740</v>
      </c>
    </row>
    <row r="816" spans="1:2">
      <c r="A816" s="3">
        <v>814</v>
      </c>
      <c r="B816" t="s">
        <v>741</v>
      </c>
    </row>
    <row r="817" spans="1:2">
      <c r="A817" s="3">
        <v>815</v>
      </c>
      <c r="B817" t="s">
        <v>742</v>
      </c>
    </row>
    <row r="818" spans="1:2">
      <c r="A818" s="3">
        <v>816</v>
      </c>
      <c r="B818" t="s">
        <v>743</v>
      </c>
    </row>
    <row r="819" spans="1:2">
      <c r="A819" s="3">
        <v>817</v>
      </c>
      <c r="B819" t="s">
        <v>744</v>
      </c>
    </row>
    <row r="820" spans="1:2">
      <c r="A820" s="3">
        <v>818</v>
      </c>
      <c r="B820" t="s">
        <v>745</v>
      </c>
    </row>
    <row r="821" spans="1:2">
      <c r="A821" s="3">
        <v>819</v>
      </c>
    </row>
    <row r="822" spans="1:2">
      <c r="A822" s="3">
        <v>820</v>
      </c>
      <c r="B822" t="s">
        <v>150</v>
      </c>
    </row>
    <row r="823" spans="1:2">
      <c r="A823" s="3">
        <v>821</v>
      </c>
      <c r="B823" t="s">
        <v>738</v>
      </c>
    </row>
    <row r="824" spans="1:2">
      <c r="A824" s="3">
        <v>822</v>
      </c>
      <c r="B824" t="s">
        <v>739</v>
      </c>
    </row>
    <row r="825" spans="1:2">
      <c r="A825" s="3">
        <v>823</v>
      </c>
      <c r="B825" t="s">
        <v>740</v>
      </c>
    </row>
    <row r="826" spans="1:2">
      <c r="A826" s="3">
        <v>824</v>
      </c>
      <c r="B826" t="s">
        <v>741</v>
      </c>
    </row>
    <row r="827" spans="1:2">
      <c r="A827" s="3">
        <v>825</v>
      </c>
      <c r="B827" t="s">
        <v>742</v>
      </c>
    </row>
    <row r="828" spans="1:2">
      <c r="A828" s="3">
        <v>826</v>
      </c>
      <c r="B828" t="s">
        <v>743</v>
      </c>
    </row>
    <row r="829" spans="1:2">
      <c r="A829" s="3">
        <v>827</v>
      </c>
      <c r="B829" t="s">
        <v>744</v>
      </c>
    </row>
    <row r="830" spans="1:2">
      <c r="A830" s="3">
        <v>828</v>
      </c>
      <c r="B830" t="s">
        <v>745</v>
      </c>
    </row>
    <row r="831" spans="1:2">
      <c r="A831" s="3">
        <v>829</v>
      </c>
      <c r="B831" t="s">
        <v>746</v>
      </c>
    </row>
    <row r="832" spans="1:2">
      <c r="A832" s="3">
        <v>830</v>
      </c>
      <c r="B832" t="s">
        <v>114</v>
      </c>
    </row>
    <row r="833" spans="1:2">
      <c r="A833" s="3">
        <v>831</v>
      </c>
      <c r="B833" t="s">
        <v>738</v>
      </c>
    </row>
    <row r="834" spans="1:2">
      <c r="A834" s="3">
        <v>832</v>
      </c>
      <c r="B834" t="s">
        <v>739</v>
      </c>
    </row>
    <row r="835" spans="1:2">
      <c r="A835" s="3">
        <v>833</v>
      </c>
      <c r="B835" t="s">
        <v>740</v>
      </c>
    </row>
    <row r="836" spans="1:2">
      <c r="A836" s="3">
        <v>834</v>
      </c>
      <c r="B836" t="s">
        <v>741</v>
      </c>
    </row>
    <row r="837" spans="1:2">
      <c r="A837" s="3">
        <v>835</v>
      </c>
      <c r="B837" t="s">
        <v>742</v>
      </c>
    </row>
    <row r="838" spans="1:2">
      <c r="A838" s="3">
        <v>836</v>
      </c>
      <c r="B838" t="s">
        <v>743</v>
      </c>
    </row>
    <row r="839" spans="1:2">
      <c r="A839" s="3">
        <v>837</v>
      </c>
      <c r="B839" t="s">
        <v>744</v>
      </c>
    </row>
    <row r="840" spans="1:2">
      <c r="A840" s="3">
        <v>838</v>
      </c>
      <c r="B840" t="s">
        <v>745</v>
      </c>
    </row>
    <row r="841" spans="1:2">
      <c r="A841" s="3">
        <v>839</v>
      </c>
    </row>
    <row r="842" spans="1:2">
      <c r="A842" s="3">
        <v>840</v>
      </c>
      <c r="B842" t="s">
        <v>151</v>
      </c>
    </row>
    <row r="843" spans="1:2">
      <c r="A843" s="3">
        <v>841</v>
      </c>
      <c r="B843" t="s">
        <v>738</v>
      </c>
    </row>
    <row r="844" spans="1:2">
      <c r="A844" s="3">
        <v>842</v>
      </c>
      <c r="B844" t="s">
        <v>739</v>
      </c>
    </row>
    <row r="845" spans="1:2">
      <c r="A845" s="3">
        <v>843</v>
      </c>
      <c r="B845" t="s">
        <v>740</v>
      </c>
    </row>
    <row r="846" spans="1:2">
      <c r="A846" s="3">
        <v>844</v>
      </c>
      <c r="B846" t="s">
        <v>741</v>
      </c>
    </row>
    <row r="847" spans="1:2">
      <c r="A847" s="3">
        <v>845</v>
      </c>
      <c r="B847" t="s">
        <v>742</v>
      </c>
    </row>
    <row r="848" spans="1:2">
      <c r="A848" s="3">
        <v>846</v>
      </c>
      <c r="B848" t="s">
        <v>743</v>
      </c>
    </row>
    <row r="849" spans="1:2">
      <c r="A849" s="3">
        <v>847</v>
      </c>
      <c r="B849" t="s">
        <v>744</v>
      </c>
    </row>
    <row r="850" spans="1:2">
      <c r="A850" s="3">
        <v>848</v>
      </c>
      <c r="B850" t="s">
        <v>745</v>
      </c>
    </row>
    <row r="851" spans="1:2">
      <c r="A851" s="3">
        <v>849</v>
      </c>
      <c r="B851" t="s">
        <v>747</v>
      </c>
    </row>
    <row r="852" spans="1:2">
      <c r="A852" s="3">
        <v>850</v>
      </c>
      <c r="B852" t="s">
        <v>152</v>
      </c>
    </row>
    <row r="853" spans="1:2">
      <c r="A853" s="3">
        <v>851</v>
      </c>
      <c r="B853" t="s">
        <v>738</v>
      </c>
    </row>
    <row r="854" spans="1:2">
      <c r="A854" s="3">
        <v>852</v>
      </c>
      <c r="B854" t="s">
        <v>739</v>
      </c>
    </row>
    <row r="855" spans="1:2">
      <c r="A855" s="3">
        <v>853</v>
      </c>
      <c r="B855" t="s">
        <v>740</v>
      </c>
    </row>
    <row r="856" spans="1:2">
      <c r="A856" s="3">
        <v>854</v>
      </c>
      <c r="B856" t="s">
        <v>741</v>
      </c>
    </row>
    <row r="857" spans="1:2">
      <c r="A857" s="3">
        <v>855</v>
      </c>
      <c r="B857" t="s">
        <v>742</v>
      </c>
    </row>
    <row r="858" spans="1:2">
      <c r="A858" s="3">
        <v>856</v>
      </c>
      <c r="B858" t="s">
        <v>743</v>
      </c>
    </row>
    <row r="859" spans="1:2">
      <c r="A859" s="3">
        <v>857</v>
      </c>
      <c r="B859" t="s">
        <v>744</v>
      </c>
    </row>
    <row r="860" spans="1:2">
      <c r="A860" s="3">
        <v>858</v>
      </c>
      <c r="B860" t="s">
        <v>745</v>
      </c>
    </row>
    <row r="861" spans="1:2">
      <c r="A861" s="3">
        <v>859</v>
      </c>
      <c r="B861" t="s">
        <v>748</v>
      </c>
    </row>
    <row r="862" spans="1:2">
      <c r="A862" s="3">
        <v>860</v>
      </c>
      <c r="B862" t="s">
        <v>153</v>
      </c>
    </row>
    <row r="863" spans="1:2">
      <c r="A863" s="3">
        <v>861</v>
      </c>
      <c r="B863" t="s">
        <v>738</v>
      </c>
    </row>
    <row r="864" spans="1:2">
      <c r="A864" s="3">
        <v>862</v>
      </c>
      <c r="B864" t="s">
        <v>739</v>
      </c>
    </row>
    <row r="865" spans="1:2">
      <c r="A865" s="3">
        <v>863</v>
      </c>
      <c r="B865" t="s">
        <v>740</v>
      </c>
    </row>
    <row r="866" spans="1:2">
      <c r="A866" s="3">
        <v>864</v>
      </c>
      <c r="B866" t="s">
        <v>741</v>
      </c>
    </row>
    <row r="867" spans="1:2">
      <c r="A867" s="3">
        <v>865</v>
      </c>
      <c r="B867" t="s">
        <v>742</v>
      </c>
    </row>
    <row r="868" spans="1:2">
      <c r="A868" s="3">
        <v>866</v>
      </c>
      <c r="B868" t="s">
        <v>743</v>
      </c>
    </row>
    <row r="869" spans="1:2">
      <c r="A869" s="3">
        <v>867</v>
      </c>
      <c r="B869" t="s">
        <v>744</v>
      </c>
    </row>
    <row r="870" spans="1:2">
      <c r="A870" s="3">
        <v>868</v>
      </c>
      <c r="B870" t="s">
        <v>745</v>
      </c>
    </row>
    <row r="871" spans="1:2">
      <c r="A871" s="3">
        <v>869</v>
      </c>
      <c r="B871" t="s">
        <v>749</v>
      </c>
    </row>
    <row r="872" spans="1:2">
      <c r="A872" s="3">
        <v>870</v>
      </c>
      <c r="B872" t="s">
        <v>154</v>
      </c>
    </row>
    <row r="873" spans="1:2">
      <c r="A873" s="3">
        <v>871</v>
      </c>
      <c r="B873" t="s">
        <v>738</v>
      </c>
    </row>
    <row r="874" spans="1:2">
      <c r="A874" s="3">
        <v>872</v>
      </c>
      <c r="B874" t="s">
        <v>739</v>
      </c>
    </row>
    <row r="875" spans="1:2">
      <c r="A875" s="3">
        <v>873</v>
      </c>
      <c r="B875" t="s">
        <v>740</v>
      </c>
    </row>
    <row r="876" spans="1:2">
      <c r="A876" s="3">
        <v>874</v>
      </c>
      <c r="B876" t="s">
        <v>741</v>
      </c>
    </row>
    <row r="877" spans="1:2">
      <c r="A877" s="3">
        <v>875</v>
      </c>
      <c r="B877" t="s">
        <v>742</v>
      </c>
    </row>
    <row r="878" spans="1:2">
      <c r="A878" s="3">
        <v>876</v>
      </c>
      <c r="B878" t="s">
        <v>743</v>
      </c>
    </row>
    <row r="879" spans="1:2">
      <c r="A879" s="3">
        <v>877</v>
      </c>
      <c r="B879" t="s">
        <v>744</v>
      </c>
    </row>
    <row r="880" spans="1:2">
      <c r="A880" s="3">
        <v>878</v>
      </c>
      <c r="B880" t="s">
        <v>745</v>
      </c>
    </row>
    <row r="881" spans="1:2">
      <c r="A881" s="3">
        <v>879</v>
      </c>
      <c r="B881" t="s">
        <v>750</v>
      </c>
    </row>
    <row r="882" spans="1:2">
      <c r="A882" s="3">
        <v>880</v>
      </c>
      <c r="B882" t="s">
        <v>155</v>
      </c>
    </row>
    <row r="883" spans="1:2">
      <c r="A883" s="3">
        <v>881</v>
      </c>
      <c r="B883" t="s">
        <v>738</v>
      </c>
    </row>
    <row r="884" spans="1:2">
      <c r="A884" s="3">
        <v>882</v>
      </c>
      <c r="B884" t="s">
        <v>739</v>
      </c>
    </row>
    <row r="885" spans="1:2">
      <c r="A885" s="3">
        <v>883</v>
      </c>
      <c r="B885" t="s">
        <v>740</v>
      </c>
    </row>
    <row r="886" spans="1:2">
      <c r="A886" s="3">
        <v>884</v>
      </c>
      <c r="B886" t="s">
        <v>741</v>
      </c>
    </row>
    <row r="887" spans="1:2">
      <c r="A887" s="3">
        <v>885</v>
      </c>
      <c r="B887" t="s">
        <v>742</v>
      </c>
    </row>
    <row r="888" spans="1:2">
      <c r="A888" s="3">
        <v>886</v>
      </c>
      <c r="B888" t="s">
        <v>743</v>
      </c>
    </row>
    <row r="889" spans="1:2">
      <c r="A889" s="3">
        <v>887</v>
      </c>
      <c r="B889" t="s">
        <v>744</v>
      </c>
    </row>
    <row r="890" spans="1:2">
      <c r="A890" s="3">
        <v>888</v>
      </c>
      <c r="B890" t="s">
        <v>745</v>
      </c>
    </row>
    <row r="891" spans="1:2">
      <c r="A891" s="3">
        <v>889</v>
      </c>
      <c r="B891" t="s">
        <v>751</v>
      </c>
    </row>
    <row r="892" spans="1:2">
      <c r="A892" s="3">
        <v>890</v>
      </c>
      <c r="B892" t="s">
        <v>120</v>
      </c>
    </row>
    <row r="893" spans="1:2">
      <c r="A893" s="3">
        <v>891</v>
      </c>
      <c r="B893" t="s">
        <v>752</v>
      </c>
    </row>
    <row r="894" spans="1:2">
      <c r="A894" s="3">
        <v>892</v>
      </c>
      <c r="B894" t="s">
        <v>753</v>
      </c>
    </row>
    <row r="895" spans="1:2">
      <c r="A895" s="3">
        <v>893</v>
      </c>
      <c r="B895" t="s">
        <v>754</v>
      </c>
    </row>
    <row r="896" spans="1:2">
      <c r="A896" s="3">
        <v>894</v>
      </c>
      <c r="B896" t="s">
        <v>755</v>
      </c>
    </row>
    <row r="897" spans="1:2">
      <c r="A897" s="3">
        <v>895</v>
      </c>
      <c r="B897" t="s">
        <v>756</v>
      </c>
    </row>
    <row r="898" spans="1:2">
      <c r="A898" s="3">
        <v>896</v>
      </c>
    </row>
    <row r="899" spans="1:2">
      <c r="A899" s="3">
        <v>897</v>
      </c>
      <c r="B899" t="s">
        <v>757</v>
      </c>
    </row>
    <row r="900" spans="1:2">
      <c r="A900" s="3">
        <v>898</v>
      </c>
    </row>
    <row r="901" spans="1:2">
      <c r="A901" s="3">
        <v>899</v>
      </c>
      <c r="B901" t="s">
        <v>758</v>
      </c>
    </row>
    <row r="902" spans="1:2">
      <c r="A902" s="3">
        <v>900</v>
      </c>
      <c r="B902" t="s">
        <v>30</v>
      </c>
    </row>
    <row r="903" spans="1:2">
      <c r="A903" s="3">
        <v>901</v>
      </c>
      <c r="B903" t="s">
        <v>759</v>
      </c>
    </row>
    <row r="904" spans="1:2">
      <c r="A904" s="3">
        <v>902</v>
      </c>
      <c r="B904" t="s">
        <v>760</v>
      </c>
    </row>
    <row r="905" spans="1:2">
      <c r="A905" s="3">
        <v>903</v>
      </c>
      <c r="B905" t="s">
        <v>170</v>
      </c>
    </row>
    <row r="906" spans="1:2">
      <c r="A906" s="3">
        <v>904</v>
      </c>
      <c r="B906" t="s">
        <v>171</v>
      </c>
    </row>
    <row r="907" spans="1:2">
      <c r="A907" s="3">
        <v>905</v>
      </c>
      <c r="B907" t="s">
        <v>14</v>
      </c>
    </row>
    <row r="908" spans="1:2">
      <c r="A908" s="3">
        <v>906</v>
      </c>
      <c r="B908" t="s">
        <v>16</v>
      </c>
    </row>
    <row r="909" spans="1:2">
      <c r="A909" s="3">
        <v>907</v>
      </c>
      <c r="B909" t="s">
        <v>761</v>
      </c>
    </row>
    <row r="910" spans="1:2">
      <c r="A910" s="3">
        <v>908</v>
      </c>
      <c r="B910" t="s">
        <v>20</v>
      </c>
    </row>
    <row r="911" spans="1:2">
      <c r="A911" s="3">
        <v>909</v>
      </c>
      <c r="B911" t="s">
        <v>762</v>
      </c>
    </row>
    <row r="912" spans="1:2">
      <c r="A912" s="3">
        <v>910</v>
      </c>
      <c r="B912" t="s">
        <v>121</v>
      </c>
    </row>
    <row r="913" spans="1:2">
      <c r="A913" s="3">
        <v>911</v>
      </c>
      <c r="B913" t="s">
        <v>763</v>
      </c>
    </row>
    <row r="914" spans="1:2">
      <c r="A914" s="3">
        <v>912</v>
      </c>
      <c r="B914" t="s">
        <v>764</v>
      </c>
    </row>
    <row r="915" spans="1:2">
      <c r="A915" s="3">
        <v>913</v>
      </c>
      <c r="B915" t="s">
        <v>765</v>
      </c>
    </row>
    <row r="916" spans="1:2">
      <c r="A916" s="3">
        <v>914</v>
      </c>
      <c r="B916" t="s">
        <v>766</v>
      </c>
    </row>
    <row r="917" spans="1:2">
      <c r="A917" s="3">
        <v>915</v>
      </c>
      <c r="B917" t="s">
        <v>767</v>
      </c>
    </row>
    <row r="918" spans="1:2">
      <c r="A918" s="3">
        <v>916</v>
      </c>
      <c r="B918" t="s">
        <v>768</v>
      </c>
    </row>
    <row r="919" spans="1:2">
      <c r="A919" s="3">
        <v>917</v>
      </c>
      <c r="B919" t="s">
        <v>769</v>
      </c>
    </row>
    <row r="920" spans="1:2">
      <c r="A920" s="3">
        <v>918</v>
      </c>
      <c r="B920" t="s">
        <v>770</v>
      </c>
    </row>
    <row r="921" spans="1:2">
      <c r="A921" s="3">
        <v>919</v>
      </c>
      <c r="B921" t="s">
        <v>771</v>
      </c>
    </row>
    <row r="922" spans="1:2">
      <c r="A922" s="3">
        <v>920</v>
      </c>
      <c r="B922" t="s">
        <v>772</v>
      </c>
    </row>
    <row r="923" spans="1:2">
      <c r="A923" s="3">
        <v>921</v>
      </c>
      <c r="B923" t="s">
        <v>773</v>
      </c>
    </row>
    <row r="924" spans="1:2">
      <c r="A924" s="3">
        <v>922</v>
      </c>
      <c r="B924" t="s">
        <v>764</v>
      </c>
    </row>
    <row r="925" spans="1:2">
      <c r="A925" s="3">
        <v>923</v>
      </c>
      <c r="B925" t="s">
        <v>765</v>
      </c>
    </row>
    <row r="926" spans="1:2">
      <c r="A926" s="3">
        <v>924</v>
      </c>
      <c r="B926" t="s">
        <v>766</v>
      </c>
    </row>
    <row r="927" spans="1:2">
      <c r="A927" s="3">
        <v>925</v>
      </c>
      <c r="B927" t="s">
        <v>767</v>
      </c>
    </row>
    <row r="928" spans="1:2">
      <c r="A928" s="3">
        <v>926</v>
      </c>
      <c r="B928" t="s">
        <v>768</v>
      </c>
    </row>
    <row r="929" spans="1:3">
      <c r="A929" s="3">
        <v>927</v>
      </c>
      <c r="B929" t="s">
        <v>769</v>
      </c>
    </row>
    <row r="930" spans="1:3">
      <c r="A930" s="3">
        <v>928</v>
      </c>
      <c r="B930" t="s">
        <v>770</v>
      </c>
    </row>
    <row r="931" spans="1:3">
      <c r="A931" s="3">
        <v>929</v>
      </c>
      <c r="B931" t="s">
        <v>774</v>
      </c>
    </row>
    <row r="932" spans="1:3">
      <c r="A932" s="3">
        <v>930</v>
      </c>
      <c r="B932" t="s">
        <v>123</v>
      </c>
    </row>
    <row r="933" spans="1:3">
      <c r="A933" s="3">
        <v>931</v>
      </c>
      <c r="B933" t="s">
        <v>775</v>
      </c>
    </row>
    <row r="934" spans="1:3">
      <c r="A934" s="3">
        <v>932</v>
      </c>
      <c r="B934" t="s">
        <v>764</v>
      </c>
    </row>
    <row r="935" spans="1:3">
      <c r="A935" s="3">
        <v>933</v>
      </c>
      <c r="B935" t="s">
        <v>765</v>
      </c>
    </row>
    <row r="936" spans="1:3">
      <c r="A936" s="3">
        <v>934</v>
      </c>
      <c r="B936" t="s">
        <v>766</v>
      </c>
    </row>
    <row r="937" spans="1:3">
      <c r="A937" s="3">
        <v>935</v>
      </c>
      <c r="B937" t="s">
        <v>767</v>
      </c>
    </row>
    <row r="938" spans="1:3">
      <c r="A938" s="3">
        <v>936</v>
      </c>
      <c r="B938" t="s">
        <v>768</v>
      </c>
    </row>
    <row r="939" spans="1:3">
      <c r="A939" s="3">
        <v>937</v>
      </c>
      <c r="B939" t="s">
        <v>769</v>
      </c>
    </row>
    <row r="940" spans="1:3">
      <c r="A940" s="3">
        <v>938</v>
      </c>
      <c r="B940" t="s">
        <v>770</v>
      </c>
    </row>
    <row r="941" spans="1:3">
      <c r="A941" s="3" t="s">
        <v>776</v>
      </c>
      <c r="B941" t="s">
        <v>778</v>
      </c>
      <c r="C941" t="s">
        <v>777</v>
      </c>
    </row>
    <row r="942" spans="1:3">
      <c r="A942" s="3">
        <v>940</v>
      </c>
      <c r="B942" t="s">
        <v>779</v>
      </c>
    </row>
    <row r="943" spans="1:3">
      <c r="A943" s="3">
        <v>941</v>
      </c>
      <c r="B943" t="s">
        <v>775</v>
      </c>
    </row>
    <row r="944" spans="1:3">
      <c r="A944" s="3">
        <v>942</v>
      </c>
      <c r="B944" t="s">
        <v>764</v>
      </c>
    </row>
    <row r="945" spans="1:2">
      <c r="A945" s="3">
        <v>943</v>
      </c>
      <c r="B945" t="s">
        <v>765</v>
      </c>
    </row>
    <row r="946" spans="1:2">
      <c r="A946" s="3">
        <v>944</v>
      </c>
      <c r="B946" t="s">
        <v>766</v>
      </c>
    </row>
    <row r="947" spans="1:2">
      <c r="A947" s="3">
        <v>945</v>
      </c>
      <c r="B947" t="s">
        <v>767</v>
      </c>
    </row>
    <row r="948" spans="1:2">
      <c r="A948" s="3">
        <v>946</v>
      </c>
      <c r="B948" t="s">
        <v>768</v>
      </c>
    </row>
    <row r="949" spans="1:2">
      <c r="A949" s="3">
        <v>947</v>
      </c>
      <c r="B949" t="s">
        <v>769</v>
      </c>
    </row>
    <row r="950" spans="1:2">
      <c r="A950" s="3">
        <v>948</v>
      </c>
      <c r="B950" t="s">
        <v>770</v>
      </c>
    </row>
    <row r="951" spans="1:2">
      <c r="A951" s="3">
        <v>949</v>
      </c>
      <c r="B951" t="s">
        <v>780</v>
      </c>
    </row>
    <row r="952" spans="1:2">
      <c r="A952" s="3">
        <v>950</v>
      </c>
      <c r="B952" t="s">
        <v>781</v>
      </c>
    </row>
    <row r="953" spans="1:2">
      <c r="A953" s="3">
        <v>951</v>
      </c>
      <c r="B953" t="s">
        <v>775</v>
      </c>
    </row>
    <row r="954" spans="1:2">
      <c r="A954" s="3">
        <v>952</v>
      </c>
      <c r="B954" t="s">
        <v>764</v>
      </c>
    </row>
    <row r="955" spans="1:2">
      <c r="A955" s="3">
        <v>953</v>
      </c>
      <c r="B955" t="s">
        <v>765</v>
      </c>
    </row>
    <row r="956" spans="1:2">
      <c r="A956" s="3">
        <v>954</v>
      </c>
      <c r="B956" t="s">
        <v>766</v>
      </c>
    </row>
    <row r="957" spans="1:2">
      <c r="A957" s="3">
        <v>955</v>
      </c>
      <c r="B957" t="s">
        <v>767</v>
      </c>
    </row>
    <row r="958" spans="1:2">
      <c r="A958" s="3">
        <v>956</v>
      </c>
      <c r="B958" t="s">
        <v>768</v>
      </c>
    </row>
    <row r="959" spans="1:2">
      <c r="A959" s="3">
        <v>957</v>
      </c>
      <c r="B959" t="s">
        <v>769</v>
      </c>
    </row>
    <row r="960" spans="1:2">
      <c r="A960" s="3">
        <v>958</v>
      </c>
      <c r="B960" t="s">
        <v>770</v>
      </c>
    </row>
    <row r="961" spans="1:2">
      <c r="A961" s="3">
        <v>959</v>
      </c>
      <c r="B961" t="s">
        <v>782</v>
      </c>
    </row>
    <row r="962" spans="1:2">
      <c r="A962" s="3">
        <v>960</v>
      </c>
      <c r="B962" t="s">
        <v>783</v>
      </c>
    </row>
    <row r="963" spans="1:2">
      <c r="A963" s="3">
        <v>961</v>
      </c>
      <c r="B963" t="s">
        <v>775</v>
      </c>
    </row>
    <row r="964" spans="1:2">
      <c r="A964" s="3">
        <v>962</v>
      </c>
      <c r="B964" t="s">
        <v>764</v>
      </c>
    </row>
    <row r="965" spans="1:2">
      <c r="A965" s="3">
        <v>963</v>
      </c>
      <c r="B965" t="s">
        <v>765</v>
      </c>
    </row>
    <row r="966" spans="1:2">
      <c r="A966" s="3">
        <v>964</v>
      </c>
      <c r="B966" t="s">
        <v>766</v>
      </c>
    </row>
    <row r="967" spans="1:2">
      <c r="A967" s="3">
        <v>965</v>
      </c>
      <c r="B967" t="s">
        <v>767</v>
      </c>
    </row>
    <row r="968" spans="1:2">
      <c r="A968" s="3">
        <v>966</v>
      </c>
      <c r="B968" t="s">
        <v>768</v>
      </c>
    </row>
    <row r="969" spans="1:2">
      <c r="A969" s="3">
        <v>967</v>
      </c>
      <c r="B969" t="s">
        <v>769</v>
      </c>
    </row>
    <row r="970" spans="1:2">
      <c r="A970" s="3">
        <v>968</v>
      </c>
      <c r="B970" t="s">
        <v>770</v>
      </c>
    </row>
    <row r="971" spans="1:2">
      <c r="A971" s="3">
        <v>969</v>
      </c>
      <c r="B971" t="s">
        <v>784</v>
      </c>
    </row>
    <row r="972" spans="1:2">
      <c r="A972" s="3">
        <v>970</v>
      </c>
      <c r="B972" t="s">
        <v>785</v>
      </c>
    </row>
    <row r="973" spans="1:2">
      <c r="A973" s="3">
        <v>971</v>
      </c>
      <c r="B973" t="s">
        <v>775</v>
      </c>
    </row>
    <row r="974" spans="1:2">
      <c r="A974" s="3">
        <v>972</v>
      </c>
      <c r="B974" t="s">
        <v>764</v>
      </c>
    </row>
    <row r="975" spans="1:2">
      <c r="A975" s="3">
        <v>973</v>
      </c>
      <c r="B975" t="s">
        <v>765</v>
      </c>
    </row>
    <row r="976" spans="1:2">
      <c r="A976" s="3">
        <v>974</v>
      </c>
      <c r="B976" t="s">
        <v>766</v>
      </c>
    </row>
    <row r="977" spans="1:2">
      <c r="A977" s="3">
        <v>975</v>
      </c>
      <c r="B977" t="s">
        <v>767</v>
      </c>
    </row>
    <row r="978" spans="1:2">
      <c r="A978" s="3">
        <v>976</v>
      </c>
      <c r="B978" t="s">
        <v>768</v>
      </c>
    </row>
    <row r="979" spans="1:2">
      <c r="A979" s="3">
        <v>977</v>
      </c>
      <c r="B979" t="s">
        <v>769</v>
      </c>
    </row>
    <row r="980" spans="1:2">
      <c r="A980" s="3">
        <v>978</v>
      </c>
      <c r="B980" t="s">
        <v>770</v>
      </c>
    </row>
    <row r="981" spans="1:2">
      <c r="A981" s="3">
        <v>979</v>
      </c>
      <c r="B981" t="s">
        <v>786</v>
      </c>
    </row>
    <row r="982" spans="1:2">
      <c r="A982" s="3">
        <v>980</v>
      </c>
      <c r="B982" t="s">
        <v>787</v>
      </c>
    </row>
    <row r="983" spans="1:2">
      <c r="A983" s="3">
        <v>981</v>
      </c>
      <c r="B983" t="s">
        <v>775</v>
      </c>
    </row>
    <row r="984" spans="1:2">
      <c r="A984" s="3">
        <v>982</v>
      </c>
      <c r="B984" t="s">
        <v>764</v>
      </c>
    </row>
    <row r="985" spans="1:2">
      <c r="A985" s="3">
        <v>983</v>
      </c>
      <c r="B985" t="s">
        <v>765</v>
      </c>
    </row>
    <row r="986" spans="1:2">
      <c r="A986" s="3">
        <v>984</v>
      </c>
      <c r="B986" t="s">
        <v>766</v>
      </c>
    </row>
    <row r="987" spans="1:2">
      <c r="A987" s="3">
        <v>985</v>
      </c>
      <c r="B987" t="s">
        <v>767</v>
      </c>
    </row>
    <row r="988" spans="1:2">
      <c r="A988" s="3">
        <v>986</v>
      </c>
      <c r="B988" t="s">
        <v>768</v>
      </c>
    </row>
    <row r="989" spans="1:2">
      <c r="A989" s="3">
        <v>987</v>
      </c>
      <c r="B989" t="s">
        <v>769</v>
      </c>
    </row>
    <row r="990" spans="1:2">
      <c r="A990" s="3">
        <v>988</v>
      </c>
      <c r="B990" t="s">
        <v>770</v>
      </c>
    </row>
    <row r="991" spans="1:2">
      <c r="A991" s="3">
        <v>989</v>
      </c>
      <c r="B991" t="s">
        <v>788</v>
      </c>
    </row>
    <row r="992" spans="1:2">
      <c r="A992" s="3">
        <v>990</v>
      </c>
      <c r="B992" t="s">
        <v>789</v>
      </c>
    </row>
    <row r="993" spans="1:2">
      <c r="A993" s="3">
        <v>991</v>
      </c>
      <c r="B993" t="s">
        <v>790</v>
      </c>
    </row>
    <row r="994" spans="1:2">
      <c r="A994" s="3">
        <v>992</v>
      </c>
      <c r="B994" t="s">
        <v>791</v>
      </c>
    </row>
    <row r="995" spans="1:2">
      <c r="A995" s="3">
        <v>993</v>
      </c>
      <c r="B995" t="s">
        <v>792</v>
      </c>
    </row>
    <row r="996" spans="1:2">
      <c r="A996" s="3">
        <v>994</v>
      </c>
      <c r="B996" t="s">
        <v>793</v>
      </c>
    </row>
    <row r="997" spans="1:2">
      <c r="A997" s="3">
        <v>995</v>
      </c>
      <c r="B997" t="s">
        <v>794</v>
      </c>
    </row>
    <row r="998" spans="1:2">
      <c r="A998" s="3">
        <v>996</v>
      </c>
    </row>
    <row r="999" spans="1:2">
      <c r="A999" s="3">
        <v>997</v>
      </c>
      <c r="B999" t="s">
        <v>795</v>
      </c>
    </row>
    <row r="1000" spans="1:2">
      <c r="A1000" s="3">
        <v>998</v>
      </c>
    </row>
    <row r="1001" spans="1:2">
      <c r="A1001" s="3">
        <v>999</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01</vt:i4>
      </vt:variant>
    </vt:vector>
  </HeadingPairs>
  <TitlesOfParts>
    <vt:vector size="104" baseType="lpstr">
      <vt:lpstr>様式２</vt:lpstr>
      <vt:lpstr>ＮＤＣ（大・中分類）</vt:lpstr>
      <vt:lpstr>ＮＤＣ（小分類）</vt:lpstr>
      <vt:lpstr>'ＮＤＣ（小分類）'!_ndc01</vt:lpstr>
      <vt:lpstr>'ＮＤＣ（小分類）'!_ndc02</vt:lpstr>
      <vt:lpstr>'ＮＤＣ（小分類）'!_ndc03</vt:lpstr>
      <vt:lpstr>'ＮＤＣ（小分類）'!_ndc04</vt:lpstr>
      <vt:lpstr>'ＮＤＣ（小分類）'!_ndc05</vt:lpstr>
      <vt:lpstr>'ＮＤＣ（小分類）'!_ndc06</vt:lpstr>
      <vt:lpstr>'ＮＤＣ（小分類）'!_ndc07</vt:lpstr>
      <vt:lpstr>'ＮＤＣ（小分類）'!_ndc08</vt:lpstr>
      <vt:lpstr>'ＮＤＣ（小分類）'!_ndc09</vt:lpstr>
      <vt:lpstr>'ＮＤＣ（小分類）'!_ndc10</vt:lpstr>
      <vt:lpstr>'ＮＤＣ（小分類）'!_ndc11</vt:lpstr>
      <vt:lpstr>'ＮＤＣ（小分類）'!_ndc12</vt:lpstr>
      <vt:lpstr>'ＮＤＣ（小分類）'!_ndc13</vt:lpstr>
      <vt:lpstr>'ＮＤＣ（小分類）'!_ndc14</vt:lpstr>
      <vt:lpstr>'ＮＤＣ（小分類）'!_ndc15</vt:lpstr>
      <vt:lpstr>'ＮＤＣ（小分類）'!_ndc16</vt:lpstr>
      <vt:lpstr>'ＮＤＣ（小分類）'!_ndc17</vt:lpstr>
      <vt:lpstr>'ＮＤＣ（小分類）'!_ndc18</vt:lpstr>
      <vt:lpstr>'ＮＤＣ（小分類）'!_ndc19</vt:lpstr>
      <vt:lpstr>'ＮＤＣ（小分類）'!_ndc20</vt:lpstr>
      <vt:lpstr>'ＮＤＣ（小分類）'!_ndc21</vt:lpstr>
      <vt:lpstr>'ＮＤＣ（小分類）'!_ndc22</vt:lpstr>
      <vt:lpstr>'ＮＤＣ（小分類）'!_ndc23</vt:lpstr>
      <vt:lpstr>'ＮＤＣ（小分類）'!_ndc24</vt:lpstr>
      <vt:lpstr>'ＮＤＣ（小分類）'!_ndc25</vt:lpstr>
      <vt:lpstr>'ＮＤＣ（小分類）'!_ndc26</vt:lpstr>
      <vt:lpstr>'ＮＤＣ（小分類）'!_ndc27</vt:lpstr>
      <vt:lpstr>'ＮＤＣ（小分類）'!_ndc28</vt:lpstr>
      <vt:lpstr>'ＮＤＣ（小分類）'!_ndc29</vt:lpstr>
      <vt:lpstr>'ＮＤＣ（小分類）'!_ndc30</vt:lpstr>
      <vt:lpstr>'ＮＤＣ（小分類）'!_ndc31</vt:lpstr>
      <vt:lpstr>'ＮＤＣ（小分類）'!_ndc32</vt:lpstr>
      <vt:lpstr>'ＮＤＣ（小分類）'!_ndc33</vt:lpstr>
      <vt:lpstr>'ＮＤＣ（小分類）'!_ndc34</vt:lpstr>
      <vt:lpstr>'ＮＤＣ（小分類）'!_ndc35</vt:lpstr>
      <vt:lpstr>'ＮＤＣ（小分類）'!_ndc36</vt:lpstr>
      <vt:lpstr>'ＮＤＣ（小分類）'!_ndc37</vt:lpstr>
      <vt:lpstr>'ＮＤＣ（小分類）'!_ndc38</vt:lpstr>
      <vt:lpstr>'ＮＤＣ（小分類）'!_ndc39</vt:lpstr>
      <vt:lpstr>'ＮＤＣ（小分類）'!_ndc40</vt:lpstr>
      <vt:lpstr>'ＮＤＣ（小分類）'!_ndc41</vt:lpstr>
      <vt:lpstr>'ＮＤＣ（小分類）'!_ndc42</vt:lpstr>
      <vt:lpstr>'ＮＤＣ（小分類）'!_ndc43</vt:lpstr>
      <vt:lpstr>'ＮＤＣ（小分類）'!_ndc44</vt:lpstr>
      <vt:lpstr>'ＮＤＣ（小分類）'!_ndc45</vt:lpstr>
      <vt:lpstr>'ＮＤＣ（小分類）'!_ndc46</vt:lpstr>
      <vt:lpstr>'ＮＤＣ（小分類）'!_ndc47</vt:lpstr>
      <vt:lpstr>'ＮＤＣ（小分類）'!_ndc48</vt:lpstr>
      <vt:lpstr>'ＮＤＣ（小分類）'!_ndc49</vt:lpstr>
      <vt:lpstr>'ＮＤＣ（小分類）'!_ndc50</vt:lpstr>
      <vt:lpstr>'ＮＤＣ（小分類）'!_ndc51</vt:lpstr>
      <vt:lpstr>'ＮＤＣ（小分類）'!_ndc52</vt:lpstr>
      <vt:lpstr>'ＮＤＣ（小分類）'!_ndc53</vt:lpstr>
      <vt:lpstr>'ＮＤＣ（小分類）'!_ndc54</vt:lpstr>
      <vt:lpstr>'ＮＤＣ（小分類）'!_ndc55</vt:lpstr>
      <vt:lpstr>'ＮＤＣ（小分類）'!_ndc56</vt:lpstr>
      <vt:lpstr>'ＮＤＣ（小分類）'!_ndc57</vt:lpstr>
      <vt:lpstr>'ＮＤＣ（小分類）'!_ndc58</vt:lpstr>
      <vt:lpstr>'ＮＤＣ（小分類）'!_ndc59</vt:lpstr>
      <vt:lpstr>'ＮＤＣ（小分類）'!_ndc60</vt:lpstr>
      <vt:lpstr>'ＮＤＣ（小分類）'!_ndc61</vt:lpstr>
      <vt:lpstr>'ＮＤＣ（小分類）'!_ndc62</vt:lpstr>
      <vt:lpstr>'ＮＤＣ（小分類）'!_ndc63</vt:lpstr>
      <vt:lpstr>'ＮＤＣ（小分類）'!_ndc64</vt:lpstr>
      <vt:lpstr>'ＮＤＣ（小分類）'!_ndc65</vt:lpstr>
      <vt:lpstr>'ＮＤＣ（小分類）'!_ndc66</vt:lpstr>
      <vt:lpstr>'ＮＤＣ（小分類）'!_ndc67</vt:lpstr>
      <vt:lpstr>'ＮＤＣ（小分類）'!_ndc68</vt:lpstr>
      <vt:lpstr>'ＮＤＣ（小分類）'!_ndc69</vt:lpstr>
      <vt:lpstr>'ＮＤＣ（小分類）'!_ndc70</vt:lpstr>
      <vt:lpstr>'ＮＤＣ（小分類）'!_ndc71</vt:lpstr>
      <vt:lpstr>'ＮＤＣ（小分類）'!_ndc72</vt:lpstr>
      <vt:lpstr>'ＮＤＣ（小分類）'!_ndc73</vt:lpstr>
      <vt:lpstr>'ＮＤＣ（小分類）'!_ndc74</vt:lpstr>
      <vt:lpstr>'ＮＤＣ（小分類）'!_ndc75</vt:lpstr>
      <vt:lpstr>'ＮＤＣ（小分類）'!_ndc76</vt:lpstr>
      <vt:lpstr>'ＮＤＣ（小分類）'!_ndc77</vt:lpstr>
      <vt:lpstr>'ＮＤＣ（小分類）'!_ndc78</vt:lpstr>
      <vt:lpstr>'ＮＤＣ（小分類）'!_ndc79</vt:lpstr>
      <vt:lpstr>'ＮＤＣ（小分類）'!_ndc80</vt:lpstr>
      <vt:lpstr>'ＮＤＣ（小分類）'!_ndc81</vt:lpstr>
      <vt:lpstr>'ＮＤＣ（小分類）'!_ndc82</vt:lpstr>
      <vt:lpstr>'ＮＤＣ（小分類）'!_ndc83</vt:lpstr>
      <vt:lpstr>'ＮＤＣ（小分類）'!_ndc84</vt:lpstr>
      <vt:lpstr>'ＮＤＣ（小分類）'!_ndc85</vt:lpstr>
      <vt:lpstr>'ＮＤＣ（小分類）'!_ndc86</vt:lpstr>
      <vt:lpstr>'ＮＤＣ（小分類）'!_ndc87</vt:lpstr>
      <vt:lpstr>'ＮＤＣ（小分類）'!_ndc88</vt:lpstr>
      <vt:lpstr>'ＮＤＣ（小分類）'!_ndc89</vt:lpstr>
      <vt:lpstr>'ＮＤＣ（小分類）'!_ndc90</vt:lpstr>
      <vt:lpstr>'ＮＤＣ（小分類）'!_ndc91</vt:lpstr>
      <vt:lpstr>'ＮＤＣ（小分類）'!_ndc92</vt:lpstr>
      <vt:lpstr>'ＮＤＣ（小分類）'!_ndc93</vt:lpstr>
      <vt:lpstr>'ＮＤＣ（小分類）'!_ndc94</vt:lpstr>
      <vt:lpstr>'ＮＤＣ（小分類）'!_ndc95</vt:lpstr>
      <vt:lpstr>'ＮＤＣ（小分類）'!_ndc96</vt:lpstr>
      <vt:lpstr>'ＮＤＣ（小分類）'!_ndc97</vt:lpstr>
      <vt:lpstr>'ＮＤＣ（小分類）'!_ndc98</vt:lpstr>
      <vt:lpstr>'ＮＤＣ（小分類）'!_ndc99</vt:lpstr>
      <vt:lpstr>'ＮＤＣ（小分類）'!ndc00</vt:lpstr>
      <vt:lpstr>様式２!Print_Area</vt:lpstr>
    </vt:vector>
  </TitlesOfParts>
  <Company>神奈川県</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野 さやか</dc:creator>
  <cp:lastModifiedBy>user</cp:lastModifiedBy>
  <cp:lastPrinted>2021-04-07T06:16:43Z</cp:lastPrinted>
  <dcterms:created xsi:type="dcterms:W3CDTF">2004-01-30T10:40:15Z</dcterms:created>
  <dcterms:modified xsi:type="dcterms:W3CDTF">2021-08-18T01:40:44Z</dcterms:modified>
</cp:coreProperties>
</file>